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58"/>
  </p:notesMasterIdLst>
  <p:handoutMasterIdLst>
    <p:handoutMasterId r:id="rId59"/>
  </p:handoutMasterIdLst>
  <p:sldIdLst>
    <p:sldId id="621" r:id="rId2"/>
    <p:sldId id="628" r:id="rId3"/>
    <p:sldId id="629" r:id="rId4"/>
    <p:sldId id="630" r:id="rId5"/>
    <p:sldId id="631" r:id="rId6"/>
    <p:sldId id="632" r:id="rId7"/>
    <p:sldId id="633" r:id="rId8"/>
    <p:sldId id="634" r:id="rId9"/>
    <p:sldId id="635" r:id="rId10"/>
    <p:sldId id="636" r:id="rId11"/>
    <p:sldId id="637" r:id="rId12"/>
    <p:sldId id="638" r:id="rId13"/>
    <p:sldId id="639" r:id="rId14"/>
    <p:sldId id="640" r:id="rId15"/>
    <p:sldId id="641" r:id="rId16"/>
    <p:sldId id="642" r:id="rId17"/>
    <p:sldId id="643" r:id="rId18"/>
    <p:sldId id="644" r:id="rId19"/>
    <p:sldId id="645" r:id="rId20"/>
    <p:sldId id="646" r:id="rId21"/>
    <p:sldId id="647" r:id="rId22"/>
    <p:sldId id="648" r:id="rId23"/>
    <p:sldId id="649" r:id="rId24"/>
    <p:sldId id="650" r:id="rId25"/>
    <p:sldId id="651" r:id="rId26"/>
    <p:sldId id="652" r:id="rId27"/>
    <p:sldId id="653" r:id="rId28"/>
    <p:sldId id="654" r:id="rId29"/>
    <p:sldId id="655" r:id="rId30"/>
    <p:sldId id="656" r:id="rId31"/>
    <p:sldId id="657" r:id="rId32"/>
    <p:sldId id="658" r:id="rId33"/>
    <p:sldId id="659" r:id="rId34"/>
    <p:sldId id="660" r:id="rId35"/>
    <p:sldId id="661" r:id="rId36"/>
    <p:sldId id="662" r:id="rId37"/>
    <p:sldId id="663" r:id="rId38"/>
    <p:sldId id="664" r:id="rId39"/>
    <p:sldId id="665" r:id="rId40"/>
    <p:sldId id="666" r:id="rId41"/>
    <p:sldId id="667" r:id="rId42"/>
    <p:sldId id="668" r:id="rId43"/>
    <p:sldId id="669" r:id="rId44"/>
    <p:sldId id="670" r:id="rId45"/>
    <p:sldId id="671" r:id="rId46"/>
    <p:sldId id="672" r:id="rId47"/>
    <p:sldId id="673" r:id="rId48"/>
    <p:sldId id="674" r:id="rId49"/>
    <p:sldId id="675" r:id="rId50"/>
    <p:sldId id="676" r:id="rId51"/>
    <p:sldId id="677" r:id="rId52"/>
    <p:sldId id="678" r:id="rId53"/>
    <p:sldId id="679" r:id="rId54"/>
    <p:sldId id="680" r:id="rId55"/>
    <p:sldId id="681" r:id="rId56"/>
    <p:sldId id="624" r:id="rId57"/>
  </p:sldIdLst>
  <p:sldSz cx="9144000" cy="5143500" type="screen16x9"/>
  <p:notesSz cx="7315200" cy="9601200"/>
  <p:defaultTextStyle>
    <a:defPPr>
      <a:defRPr lang="en-US"/>
    </a:defPPr>
    <a:lvl1pPr marL="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3429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37043"/>
    <a:srgbClr val="3FC8F4"/>
    <a:srgbClr val="A4A7AC"/>
    <a:srgbClr val="01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74C1A8A3-306A-4EB7-A6B1-4F7E0EB9C5D6}" styleName="Medium Style 3 - Acc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16D9F66E-5EB9-4882-86FB-DCBF35E3C3E4}" styleName="Medium Style 4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8A107856-5554-42FB-B03E-39F5DBC370BA}" styleName="Medium Style 4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22838BEF-8BB2-4498-84A7-C5851F593DF1}" styleName="Medium Style 4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420" autoAdjust="0"/>
    <p:restoredTop sz="96327" autoAdjust="0"/>
  </p:normalViewPr>
  <p:slideViewPr>
    <p:cSldViewPr snapToGrid="0" snapToObjects="1">
      <p:cViewPr varScale="1">
        <p:scale>
          <a:sx n="97" d="100"/>
          <a:sy n="97" d="100"/>
        </p:scale>
        <p:origin x="654" y="84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1501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63" Type="http://schemas.openxmlformats.org/officeDocument/2006/relationships/tableStyles" Target="tableStyle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61" Type="http://schemas.openxmlformats.org/officeDocument/2006/relationships/viewProps" Target="viewProps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slide" Target="slides/slide55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handoutMaster" Target="handoutMasters/handoutMaster1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r>
              <a:rPr lang="en-US"/>
              <a:t>6/20/2022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CB7BC8DE-21B6-3B48-AD2D-FE9B1BD100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6797273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r>
              <a:rPr lang="en-US"/>
              <a:t>6/20/2022</a:t>
            </a:r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</p:spPr>
        <p:txBody>
          <a:bodyPr vert="horz" lIns="96661" tIns="48331" rIns="96661" bIns="4833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4C0EDED6-96F2-C048-AB03-923CBF326F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3044500"/>
      </p:ext>
    </p:extLst>
  </p:cSld>
  <p:clrMap bg1="lt1" tx1="dk1" bg2="lt2" tx2="dk2" accent1="accent1" accent2="accent2" accent3="accent3" accent4="accent4" accent5="accent5" accent6="accent6" hlink="hlink" folHlink="folHlink"/>
  <p:hf sldNum="0" hdr="0" ftr="0" dt="0"/>
  <p:notesStyle>
    <a:lvl1pPr marL="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3429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23120190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18087153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45579794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56958896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171871857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142447153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9151428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66975369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13628147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77112907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0069851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400733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0955426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3703063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74196186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4808394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22292861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99529229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949702586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67249022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404044817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0093061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6715197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67513212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151959644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1987526864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307717763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472519303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1981837899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159793380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659255385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639478687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296725295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5138931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6635823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9039440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3871422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471122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2864105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8056488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82021759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6027301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3297938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75477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02015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6558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hấn mạnh: KINH NGHIỆM 10 NĂM VỀ ĐO LƯỜNG &amp; ĐIỀU KHIỂN,</a:t>
            </a:r>
            <a:r>
              <a:rPr lang="en-US" baseline="0" dirty="0"/>
              <a:t> ĐỘI NGŨ TRÊN 40 NGƯỜI, TRÊN 10 NGƯỜI LÀM R&amp;D, TỰ PHÁT TRIỂN &amp; SX THIẾT BỊ CUNG CẤP TRONG NƯỚC &amp; XUẤT KHẨ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542450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972507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23075" cy="38385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ÁC LỢI ÍCH KHI KIỂM SOÁT TỐT NĂNG LƯỢNG</a:t>
            </a:r>
          </a:p>
        </p:txBody>
      </p:sp>
    </p:spTree>
    <p:extLst>
      <p:ext uri="{BB962C8B-B14F-4D97-AF65-F5344CB8AC3E}">
        <p14:creationId xmlns:p14="http://schemas.microsoft.com/office/powerpoint/2010/main" val="36645887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hyperlink" Target="http://www.daviteq.com/" TargetMode="External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hyperlink" Target="mailto:info@daviteq.com" TargetMode="External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DB2E2054-299C-F041-8F0C-CC07A3C8E66D}"/>
              </a:ext>
            </a:extLst>
          </p:cNvPr>
          <p:cNvSpPr/>
          <p:nvPr userDrawn="1"/>
        </p:nvSpPr>
        <p:spPr>
          <a:xfrm>
            <a:off x="0" y="-487"/>
            <a:ext cx="9144000" cy="2094105"/>
          </a:xfrm>
          <a:prstGeom prst="rect">
            <a:avLst/>
          </a:prstGeom>
          <a:gradFill>
            <a:gsLst>
              <a:gs pos="0">
                <a:srgbClr val="F37043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rgbClr val="3FC8F4"/>
              </a:gs>
            </a:gsLst>
            <a:lin ang="10800000" scaled="1"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85799" y="2254123"/>
            <a:ext cx="7772400" cy="844861"/>
          </a:xfrm>
          <a:noFill/>
        </p:spPr>
        <p:txBody>
          <a:bodyPr/>
          <a:lstStyle>
            <a:lvl1pPr algn="ctr">
              <a:defRPr>
                <a:solidFill>
                  <a:srgbClr val="3FC8F4"/>
                </a:solidFill>
                <a:latin typeface="Helvetica"/>
                <a:cs typeface="Helvetica"/>
              </a:defRPr>
            </a:lvl1pPr>
          </a:lstStyle>
          <a:p>
            <a:r>
              <a:rPr lang="en-US" dirty="0"/>
              <a:t>Daviteq Technologies Inc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599" y="3531695"/>
            <a:ext cx="6400800" cy="478794"/>
          </a:xfrm>
        </p:spPr>
        <p:txBody>
          <a:bodyPr>
            <a:normAutofit/>
          </a:bodyPr>
          <a:lstStyle>
            <a:lvl1pPr marL="0" indent="0" algn="ctr">
              <a:buNone/>
              <a:defRPr sz="210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2" name="TextBox 11">
            <a:hlinkClick r:id="rId2"/>
          </p:cNvPr>
          <p:cNvSpPr txBox="1"/>
          <p:nvPr userDrawn="1"/>
        </p:nvSpPr>
        <p:spPr>
          <a:xfrm>
            <a:off x="3581888" y="4597086"/>
            <a:ext cx="198022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err="1">
                <a:solidFill>
                  <a:srgbClr val="3FC8F4"/>
                </a:solidFill>
                <a:latin typeface="Helvetica"/>
                <a:cs typeface="Helvetica"/>
              </a:rPr>
              <a:t>www.daviteq.com</a:t>
            </a:r>
            <a:endParaRPr lang="en-US" sz="1400" dirty="0">
              <a:solidFill>
                <a:srgbClr val="3FC8F4"/>
              </a:solidFill>
              <a:latin typeface="Helvetica"/>
              <a:cs typeface="Helvetica"/>
            </a:endParaRPr>
          </a:p>
        </p:txBody>
      </p:sp>
      <p:pic>
        <p:nvPicPr>
          <p:cNvPr id="6" name="Picture 5" descr="A picture containing clipart&#10;&#10;Description automatically generated">
            <a:extLst>
              <a:ext uri="{FF2B5EF4-FFF2-40B4-BE49-F238E27FC236}">
                <a16:creationId xmlns:a16="http://schemas.microsoft.com/office/drawing/2014/main" id="{29CC5245-4E2B-8D4B-93B4-E5DFA434A88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43991" y="546414"/>
            <a:ext cx="4056017" cy="1168180"/>
          </a:xfrm>
          <a:prstGeom prst="rect">
            <a:avLst/>
          </a:prstGeom>
        </p:spPr>
      </p:pic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4288271B-A3A3-CB9A-13DE-BE635AE415F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Confidential - Copyright by Daviteq</a:t>
            </a:r>
            <a:endParaRPr lang="en-VN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1E70D89-3614-D92D-33EE-1D058E222D70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91206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1pPr>
              <a:defRPr>
                <a:latin typeface="Helvetica"/>
                <a:cs typeface="Helvetica"/>
              </a:defRPr>
            </a:lvl1pPr>
            <a:lvl2pPr>
              <a:defRPr>
                <a:latin typeface="Helvetica"/>
                <a:cs typeface="Helvetica"/>
              </a:defRPr>
            </a:lvl2pPr>
            <a:lvl3pPr>
              <a:defRPr>
                <a:latin typeface="Helvetica"/>
                <a:cs typeface="Helvetica"/>
              </a:defRPr>
            </a:lvl3pPr>
            <a:lvl4pPr>
              <a:defRPr>
                <a:latin typeface="Helvetica"/>
                <a:cs typeface="Helvetica"/>
              </a:defRPr>
            </a:lvl4pPr>
            <a:lvl5pPr>
              <a:defRPr>
                <a:latin typeface="Helvetica"/>
                <a:cs typeface="Helvetic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6E47401-0B94-92EB-A3DB-2927276E36C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</p:spTree>
    <p:extLst>
      <p:ext uri="{BB962C8B-B14F-4D97-AF65-F5344CB8AC3E}">
        <p14:creationId xmlns:p14="http://schemas.microsoft.com/office/powerpoint/2010/main" val="27779612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8"/>
            <a:ext cx="2057400" cy="4556522"/>
          </a:xfrm>
        </p:spPr>
        <p:txBody>
          <a:bodyPr vert="eaVert"/>
          <a:lstStyle>
            <a:lvl1pPr>
              <a:defRPr>
                <a:latin typeface="Helvetica"/>
                <a:cs typeface="Helvetic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8"/>
            <a:ext cx="6019800" cy="4556522"/>
          </a:xfrm>
        </p:spPr>
        <p:txBody>
          <a:bodyPr vert="eaVert"/>
          <a:lstStyle>
            <a:lvl1pPr>
              <a:defRPr>
                <a:latin typeface="Helvetica"/>
                <a:cs typeface="Helvetica"/>
              </a:defRPr>
            </a:lvl1pPr>
            <a:lvl2pPr>
              <a:defRPr>
                <a:latin typeface="Helvetica"/>
                <a:cs typeface="Helvetica"/>
              </a:defRPr>
            </a:lvl2pPr>
            <a:lvl3pPr>
              <a:defRPr>
                <a:latin typeface="Helvetica"/>
                <a:cs typeface="Helvetica"/>
              </a:defRPr>
            </a:lvl3pPr>
            <a:lvl4pPr>
              <a:defRPr>
                <a:latin typeface="Helvetica"/>
                <a:cs typeface="Helvetica"/>
              </a:defRPr>
            </a:lvl4pPr>
            <a:lvl5pPr>
              <a:defRPr>
                <a:latin typeface="Helvetica"/>
                <a:cs typeface="Helvetic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5559D0-1067-1237-D0D3-64369B25D52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</p:spTree>
    <p:extLst>
      <p:ext uri="{BB962C8B-B14F-4D97-AF65-F5344CB8AC3E}">
        <p14:creationId xmlns:p14="http://schemas.microsoft.com/office/powerpoint/2010/main" val="320878068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85800" y="2060972"/>
            <a:ext cx="7772400" cy="1021556"/>
          </a:xfrm>
          <a:noFill/>
        </p:spPr>
        <p:txBody>
          <a:bodyPr anchor="t">
            <a:noAutofit/>
          </a:bodyPr>
          <a:lstStyle>
            <a:lvl1pPr algn="ctr">
              <a:defRPr sz="3600" b="1" cap="none">
                <a:solidFill>
                  <a:srgbClr val="3FC8F4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2130F5-4DAA-7834-511B-F419571FCB46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</p:spTree>
    <p:extLst>
      <p:ext uri="{BB962C8B-B14F-4D97-AF65-F5344CB8AC3E}">
        <p14:creationId xmlns:p14="http://schemas.microsoft.com/office/powerpoint/2010/main" val="175764917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685"/>
            <a:ext cx="9144000" cy="594047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Helvetica (Body)"/>
                <a:cs typeface="Helvetica (Body)"/>
              </a:defRPr>
            </a:lvl1pPr>
            <a:lvl2pPr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Helvetica (Body)"/>
                <a:cs typeface="Helvetica (Body)"/>
              </a:defRPr>
            </a:lvl2pPr>
            <a:lvl3pPr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Helvetica (Body)"/>
                <a:cs typeface="Helvetica (Body)"/>
              </a:defRPr>
            </a:lvl3pPr>
            <a:lvl4pPr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Helvetica (Body)"/>
                <a:cs typeface="Helvetica (Body)"/>
              </a:defRPr>
            </a:lvl4pPr>
            <a:lvl5pPr>
              <a:defRPr>
                <a:solidFill>
                  <a:schemeClr val="tx1">
                    <a:lumMod val="50000"/>
                    <a:lumOff val="50000"/>
                  </a:schemeClr>
                </a:solidFill>
                <a:latin typeface="Helvetica (Body)"/>
                <a:cs typeface="Helvetica (Body)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1E26E25-02D7-D11C-A0A0-AA8E9BBD1316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89379B4-B281-FBCC-57F0-2A1F1E964FDE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02498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C40984CC-CD10-85AA-35AC-E087E0E5A14C}"/>
              </a:ext>
            </a:extLst>
          </p:cNvPr>
          <p:cNvSpPr txBox="1">
            <a:spLocks/>
          </p:cNvSpPr>
          <p:nvPr userDrawn="1"/>
        </p:nvSpPr>
        <p:spPr>
          <a:xfrm>
            <a:off x="0" y="1066034"/>
            <a:ext cx="5287617" cy="2441050"/>
          </a:xfrm>
          <a:prstGeom prst="rect">
            <a:avLst/>
          </a:prstGeom>
          <a:gradFill>
            <a:gsLst>
              <a:gs pos="0">
                <a:srgbClr val="F37043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rgbClr val="3FC8F4"/>
              </a:gs>
            </a:gsLst>
            <a:lin ang="10800000" scaled="1"/>
          </a:gradFill>
        </p:spPr>
        <p:txBody>
          <a:bodyPr vert="horz" lIns="91440" tIns="45720" rIns="91440" bIns="45720" rtlCol="0" anchor="ctr">
            <a:normAutofit/>
          </a:bodyPr>
          <a:lstStyle>
            <a:lvl1pPr marL="202406" indent="0" algn="l" defTabSz="342900" rtl="0" eaLnBrk="1" latinLnBrk="0" hangingPunct="1">
              <a:spcBef>
                <a:spcPct val="0"/>
              </a:spcBef>
              <a:buNone/>
              <a:tabLst>
                <a:tab pos="130969" algn="l"/>
              </a:tabLst>
              <a:defRPr sz="3300" kern="1200">
                <a:solidFill>
                  <a:schemeClr val="bg1"/>
                </a:solidFill>
                <a:latin typeface="Helvetica"/>
                <a:ea typeface="+mj-ea"/>
                <a:cs typeface="Helvetica"/>
              </a:defRPr>
            </a:lvl1pPr>
          </a:lstStyle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38539" y="1380110"/>
            <a:ext cx="4810539" cy="1887876"/>
          </a:xfrm>
          <a:noFill/>
        </p:spPr>
        <p:txBody>
          <a:bodyPr anchor="t">
            <a:normAutofit/>
          </a:bodyPr>
          <a:lstStyle>
            <a:lvl1pPr algn="l">
              <a:defRPr sz="3600" b="1" cap="none">
                <a:ln>
                  <a:noFill/>
                </a:ln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A5824A3-6C3C-9B03-9D59-77C37991A2B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E3AEC96-21FA-CAAC-27A2-0FDA3CB150D4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76491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00164"/>
          </a:xfrm>
        </p:spPr>
        <p:txBody>
          <a:bodyPr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801189"/>
            <a:ext cx="4038600" cy="3973219"/>
          </a:xfrm>
        </p:spPr>
        <p:txBody>
          <a:bodyPr/>
          <a:lstStyle>
            <a:lvl1pPr>
              <a:defRPr sz="210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1pPr>
            <a:lvl2pPr>
              <a:defRPr sz="180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2pPr>
            <a:lvl3pPr>
              <a:defRPr sz="150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3pPr>
            <a:lvl4pPr>
              <a:defRPr sz="135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4pPr>
            <a:lvl5pPr>
              <a:defRPr sz="135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801189"/>
            <a:ext cx="4038600" cy="3973219"/>
          </a:xfrm>
        </p:spPr>
        <p:txBody>
          <a:bodyPr/>
          <a:lstStyle>
            <a:lvl1pPr>
              <a:defRPr sz="2100">
                <a:latin typeface="Helvetica"/>
                <a:cs typeface="Helvetica"/>
              </a:defRPr>
            </a:lvl1pPr>
            <a:lvl2pPr>
              <a:defRPr sz="1800">
                <a:latin typeface="Helvetica"/>
                <a:cs typeface="Helvetica"/>
              </a:defRPr>
            </a:lvl2pPr>
            <a:lvl3pPr>
              <a:defRPr sz="1500">
                <a:latin typeface="Helvetica"/>
                <a:cs typeface="Helvetica"/>
              </a:defRPr>
            </a:lvl3pPr>
            <a:lvl4pPr>
              <a:defRPr sz="1350">
                <a:latin typeface="Helvetica"/>
                <a:cs typeface="Helvetica"/>
              </a:defRPr>
            </a:lvl4pPr>
            <a:lvl5pPr>
              <a:defRPr sz="1350">
                <a:latin typeface="Helvetica"/>
                <a:cs typeface="Helvetica"/>
              </a:defRPr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ED68E0-373A-BAB0-FBF0-2CFACEAB0C12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08FEFCA-6C1E-1ABC-0E25-455A1E1E1066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81644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4928"/>
            <a:ext cx="9144000" cy="58237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819388"/>
            <a:ext cx="4040188" cy="479822"/>
          </a:xfrm>
        </p:spPr>
        <p:txBody>
          <a:bodyPr anchor="b"/>
          <a:lstStyle>
            <a:lvl1pPr marL="0" indent="0">
              <a:buNone/>
              <a:defRPr sz="1800" b="1">
                <a:latin typeface="Helvetica"/>
                <a:cs typeface="Helvetica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299210"/>
            <a:ext cx="4040188" cy="3455670"/>
          </a:xfrm>
        </p:spPr>
        <p:txBody>
          <a:bodyPr/>
          <a:lstStyle>
            <a:lvl1pPr>
              <a:defRPr sz="1800">
                <a:latin typeface="Helvetica"/>
                <a:cs typeface="Helvetica"/>
              </a:defRPr>
            </a:lvl1pPr>
            <a:lvl2pPr>
              <a:defRPr sz="1500">
                <a:latin typeface="Helvetica"/>
                <a:cs typeface="Helvetica"/>
              </a:defRPr>
            </a:lvl2pPr>
            <a:lvl3pPr>
              <a:defRPr sz="1350">
                <a:latin typeface="Helvetica"/>
                <a:cs typeface="Helvetica"/>
              </a:defRPr>
            </a:lvl3pPr>
            <a:lvl4pPr>
              <a:defRPr sz="1200">
                <a:latin typeface="Helvetica"/>
                <a:cs typeface="Helvetica"/>
              </a:defRPr>
            </a:lvl4pPr>
            <a:lvl5pPr>
              <a:defRPr sz="1200">
                <a:latin typeface="Helvetica"/>
                <a:cs typeface="Helvetica"/>
              </a:defRPr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819388"/>
            <a:ext cx="4041775" cy="479822"/>
          </a:xfrm>
        </p:spPr>
        <p:txBody>
          <a:bodyPr anchor="b"/>
          <a:lstStyle>
            <a:lvl1pPr marL="0" indent="0">
              <a:buNone/>
              <a:defRPr sz="1800" b="1">
                <a:latin typeface="Helvetica"/>
                <a:cs typeface="Helvetica"/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299210"/>
            <a:ext cx="4041775" cy="3455670"/>
          </a:xfrm>
        </p:spPr>
        <p:txBody>
          <a:bodyPr/>
          <a:lstStyle>
            <a:lvl1pPr>
              <a:defRPr sz="1800">
                <a:latin typeface="Helvetica"/>
                <a:cs typeface="Helvetica"/>
              </a:defRPr>
            </a:lvl1pPr>
            <a:lvl2pPr>
              <a:defRPr sz="1500">
                <a:latin typeface="Helvetica"/>
                <a:cs typeface="Helvetica"/>
              </a:defRPr>
            </a:lvl2pPr>
            <a:lvl3pPr>
              <a:defRPr sz="1350">
                <a:latin typeface="Helvetica"/>
                <a:cs typeface="Helvetica"/>
              </a:defRPr>
            </a:lvl3pPr>
            <a:lvl4pPr>
              <a:defRPr sz="1200">
                <a:latin typeface="Helvetica"/>
                <a:cs typeface="Helvetica"/>
              </a:defRPr>
            </a:lvl4pPr>
            <a:lvl5pPr>
              <a:defRPr sz="1200">
                <a:latin typeface="Helvetica"/>
                <a:cs typeface="Helvetica"/>
              </a:defRPr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A9B79A8-185E-B507-704A-BFD8173CFB71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30C74D5-9019-D373-EFDD-C4FCAED05B6E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79560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"/>
            <a:ext cx="9144000" cy="58729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0762F12-563F-24F1-5031-8F8AFE5F4F2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40D69DE-BD4A-0435-B3FA-CF0B8ED8B164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231911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DA9C4488-B1C6-E141-ACE7-5FE8DB8841B8}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>
            <a:gsLst>
              <a:gs pos="0">
                <a:srgbClr val="F37043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rgbClr val="3FC8F4"/>
              </a:gs>
            </a:gsLst>
            <a:lin ang="10800000" scaled="1"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A picture containing clipart&#10;&#10;Description automatically generated">
            <a:extLst>
              <a:ext uri="{FF2B5EF4-FFF2-40B4-BE49-F238E27FC236}">
                <a16:creationId xmlns:a16="http://schemas.microsoft.com/office/drawing/2014/main" id="{1D4BBA68-C496-2B46-B290-56C71773231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36877" y="2187149"/>
            <a:ext cx="2076169" cy="59796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DC8DA70-3C70-F944-904A-1B844364C8BB}"/>
              </a:ext>
            </a:extLst>
          </p:cNvPr>
          <p:cNvSpPr txBox="1"/>
          <p:nvPr userDrawn="1"/>
        </p:nvSpPr>
        <p:spPr>
          <a:xfrm>
            <a:off x="653143" y="2048509"/>
            <a:ext cx="36053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4800" b="1" dirty="0">
                <a:solidFill>
                  <a:schemeClr val="bg1"/>
                </a:solidFill>
              </a:rPr>
              <a:t>THANK YOU!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A90AAF37-2639-0946-966D-2A135D7B0254}"/>
              </a:ext>
            </a:extLst>
          </p:cNvPr>
          <p:cNvCxnSpPr>
            <a:cxnSpLocks/>
          </p:cNvCxnSpPr>
          <p:nvPr userDrawn="1"/>
        </p:nvCxnSpPr>
        <p:spPr>
          <a:xfrm>
            <a:off x="4572000" y="398487"/>
            <a:ext cx="0" cy="4182389"/>
          </a:xfrm>
          <a:prstGeom prst="line">
            <a:avLst/>
          </a:prstGeom>
          <a:ln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37B02409-932F-6441-8079-3C30D0A6BF64}"/>
              </a:ext>
            </a:extLst>
          </p:cNvPr>
          <p:cNvSpPr txBox="1"/>
          <p:nvPr userDrawn="1"/>
        </p:nvSpPr>
        <p:spPr>
          <a:xfrm>
            <a:off x="4832821" y="2949660"/>
            <a:ext cx="4037710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bg1"/>
                </a:solidFill>
              </a:rPr>
              <a:t>DAVITEQ TECHNOLOGIES INC</a:t>
            </a:r>
          </a:p>
          <a:p>
            <a:br>
              <a:rPr lang="en-US" sz="1400" b="1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</a:b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Add: No.11 Street 2G, Nam Hung </a:t>
            </a:r>
            <a:r>
              <a:rPr lang="en-US" sz="1200" b="0" i="0" u="none" strike="noStrike" kern="1200" dirty="0" err="1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Vuong</a:t>
            </a: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 Res., An Lac Ward, </a:t>
            </a:r>
            <a:r>
              <a:rPr lang="en-US" sz="1200" b="0" i="0" u="none" strike="noStrike" kern="1200" dirty="0" err="1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Binh</a:t>
            </a: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 Tan Dist., Ho Chi Minh City, Vietnam</a:t>
            </a:r>
          </a:p>
          <a:p>
            <a:b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</a:b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Tel: +84.28.6268.2523 / 6268.2524</a:t>
            </a:r>
          </a:p>
          <a:p>
            <a:b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</a:b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Email: </a:t>
            </a: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@daviteq.com</a:t>
            </a:r>
            <a:r>
              <a:rPr lang="en-US" sz="1200" b="0" i="0" u="none" strike="noStrike" kern="1200" dirty="0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           </a:t>
            </a:r>
            <a:r>
              <a:rPr lang="en-US" sz="1200" b="0" i="0" u="none" strike="noStrike" kern="1200" dirty="0" err="1">
                <a:solidFill>
                  <a:schemeClr val="bg1"/>
                </a:solidFill>
                <a:effectLst/>
                <a:latin typeface="+mn-lt"/>
                <a:ea typeface="+mn-ea"/>
                <a:cs typeface="+mn-cs"/>
              </a:rPr>
              <a:t>www.daviteq.com</a:t>
            </a:r>
            <a:endParaRPr lang="en-US" sz="1200" b="0" i="0" u="none" strike="noStrike" kern="1200" dirty="0">
              <a:solidFill>
                <a:schemeClr val="bg1"/>
              </a:solidFill>
              <a:effectLst/>
              <a:latin typeface="+mn-lt"/>
              <a:ea typeface="+mn-ea"/>
              <a:cs typeface="+mn-cs"/>
            </a:endParaRPr>
          </a:p>
        </p:txBody>
      </p:sp>
      <p:pic>
        <p:nvPicPr>
          <p:cNvPr id="11" name="Picture 10" descr="A group of people in a room&#10;&#10;Description automatically generated">
            <a:extLst>
              <a:ext uri="{FF2B5EF4-FFF2-40B4-BE49-F238E27FC236}">
                <a16:creationId xmlns:a16="http://schemas.microsoft.com/office/drawing/2014/main" id="{655FA637-428D-AA44-803C-A2D5A918EC1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36879" y="424125"/>
            <a:ext cx="2008557" cy="1333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46209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tIns="46800" anchor="b"/>
          <a:lstStyle>
            <a:lvl1pPr algn="l">
              <a:defRPr sz="1500" b="1">
                <a:latin typeface="Helvetica"/>
                <a:cs typeface="Helvetica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593431"/>
          </a:xfrm>
        </p:spPr>
        <p:txBody>
          <a:bodyPr/>
          <a:lstStyle>
            <a:lvl1pPr>
              <a:defRPr sz="2400">
                <a:latin typeface="Helvetica"/>
                <a:cs typeface="Helvetica"/>
              </a:defRPr>
            </a:lvl1pPr>
            <a:lvl2pPr>
              <a:defRPr sz="2100">
                <a:latin typeface="Helvetica"/>
                <a:cs typeface="Helvetica"/>
              </a:defRPr>
            </a:lvl2pPr>
            <a:lvl3pPr>
              <a:defRPr sz="1800">
                <a:latin typeface="Helvetica"/>
                <a:cs typeface="Helvetica"/>
              </a:defRPr>
            </a:lvl3pPr>
            <a:lvl4pPr>
              <a:defRPr sz="1500">
                <a:latin typeface="Helvetica"/>
                <a:cs typeface="Helvetica"/>
              </a:defRPr>
            </a:lvl4pPr>
            <a:lvl5pPr>
              <a:defRPr sz="1500">
                <a:latin typeface="Helvetica"/>
                <a:cs typeface="Helvetica"/>
              </a:defRPr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5"/>
            <a:ext cx="3008313" cy="3681473"/>
          </a:xfrm>
        </p:spPr>
        <p:txBody>
          <a:bodyPr/>
          <a:lstStyle>
            <a:lvl1pPr marL="0" indent="0">
              <a:buNone/>
              <a:defRPr sz="105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cs typeface="Helvetica"/>
              </a:defRPr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0AA3DCF-79A9-62F9-68BE-2BF287D29E2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</p:spTree>
    <p:extLst>
      <p:ext uri="{BB962C8B-B14F-4D97-AF65-F5344CB8AC3E}">
        <p14:creationId xmlns:p14="http://schemas.microsoft.com/office/powerpoint/2010/main" val="2554423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83219" y="3600450"/>
            <a:ext cx="8170125" cy="425054"/>
          </a:xfrm>
        </p:spPr>
        <p:txBody>
          <a:bodyPr anchor="b"/>
          <a:lstStyle>
            <a:lvl1pPr algn="l">
              <a:defRPr sz="1500" b="1">
                <a:latin typeface="Hevetica"/>
                <a:cs typeface="Hevetic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483220" y="459581"/>
            <a:ext cx="8170126" cy="3086100"/>
          </a:xfrm>
        </p:spPr>
        <p:txBody>
          <a:bodyPr/>
          <a:lstStyle>
            <a:lvl1pPr marL="0" indent="0">
              <a:buNone/>
              <a:defRPr sz="2400">
                <a:latin typeface="Hevetica"/>
                <a:cs typeface="Hevetica"/>
              </a:defRPr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90656" y="4025503"/>
            <a:ext cx="8162688" cy="603647"/>
          </a:xfrm>
        </p:spPr>
        <p:txBody>
          <a:bodyPr/>
          <a:lstStyle>
            <a:lvl1pPr marL="0" indent="0">
              <a:buNone/>
              <a:defRPr sz="1050">
                <a:latin typeface="Hevetica"/>
                <a:cs typeface="Hevetica"/>
              </a:defRPr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52AD44-2F27-735B-2664-C14605BEC4EC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Confidential - Copyright by Daviteq</a:t>
            </a:r>
            <a:endParaRPr lang="en-VN"/>
          </a:p>
        </p:txBody>
      </p:sp>
    </p:spTree>
    <p:extLst>
      <p:ext uri="{BB962C8B-B14F-4D97-AF65-F5344CB8AC3E}">
        <p14:creationId xmlns:p14="http://schemas.microsoft.com/office/powerpoint/2010/main" val="12978972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09361"/>
          </a:xfrm>
          <a:prstGeom prst="rect">
            <a:avLst/>
          </a:prstGeom>
          <a:gradFill>
            <a:gsLst>
              <a:gs pos="0">
                <a:srgbClr val="F37043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rgbClr val="3FC8F4"/>
              </a:gs>
            </a:gsLst>
            <a:lin ang="10800000" scaled="1"/>
          </a:gradFill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Daviteq Technologies Inc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25451" y="775063"/>
            <a:ext cx="8432800" cy="403506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grpSp>
        <p:nvGrpSpPr>
          <p:cNvPr id="8" name="Group 7"/>
          <p:cNvGrpSpPr/>
          <p:nvPr userDrawn="1"/>
        </p:nvGrpSpPr>
        <p:grpSpPr>
          <a:xfrm>
            <a:off x="0" y="4975613"/>
            <a:ext cx="9144000" cy="167888"/>
            <a:chOff x="0" y="5806800"/>
            <a:chExt cx="9144000" cy="223851"/>
          </a:xfrm>
          <a:gradFill>
            <a:gsLst>
              <a:gs pos="0">
                <a:srgbClr val="F37043"/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rgbClr val="3FC8F4"/>
              </a:gs>
            </a:gsLst>
            <a:lin ang="10800000" scaled="1"/>
          </a:gradFill>
        </p:grpSpPr>
        <p:sp>
          <p:nvSpPr>
            <p:cNvPr id="9" name="Rectangle 8"/>
            <p:cNvSpPr/>
            <p:nvPr/>
          </p:nvSpPr>
          <p:spPr>
            <a:xfrm>
              <a:off x="0" y="5807451"/>
              <a:ext cx="6536016" cy="22320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10" name="Rectangle 9"/>
            <p:cNvSpPr/>
            <p:nvPr/>
          </p:nvSpPr>
          <p:spPr>
            <a:xfrm>
              <a:off x="6536016" y="5806800"/>
              <a:ext cx="2607984" cy="22320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 dirty="0">
                <a:solidFill>
                  <a:srgbClr val="A4A7AC"/>
                </a:solidFill>
              </a:endParaRPr>
            </a:p>
          </p:txBody>
        </p:sp>
      </p:grp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A0981A6-598B-498B-D7CF-21D1DCE59E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4921994"/>
            <a:ext cx="30861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US"/>
              <a:t>Confidential - Copyright by Daviteq</a:t>
            </a:r>
            <a:endParaRPr lang="en-VN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BA40213-BC3D-6F5B-402D-076B77EF7A77}"/>
              </a:ext>
            </a:extLst>
          </p:cNvPr>
          <p:cNvSpPr txBox="1"/>
          <p:nvPr userDrawn="1"/>
        </p:nvSpPr>
        <p:spPr>
          <a:xfrm>
            <a:off x="78932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0BC936C-1E26-B443-9479-A64AB1419653}" type="slidenum">
              <a:rPr lang="en-VN" sz="1000" smtClean="0">
                <a:solidFill>
                  <a:schemeClr val="bg1"/>
                </a:solidFill>
              </a:rPr>
              <a:pPr algn="r"/>
              <a:t>‹#›</a:t>
            </a:fld>
            <a:endParaRPr lang="en-VN" sz="1000" dirty="0">
              <a:solidFill>
                <a:schemeClr val="bg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4C365A0-0028-47AC-2449-0C177ABBDD4B}"/>
              </a:ext>
            </a:extLst>
          </p:cNvPr>
          <p:cNvSpPr txBox="1"/>
          <p:nvPr userDrawn="1"/>
        </p:nvSpPr>
        <p:spPr>
          <a:xfrm>
            <a:off x="120803" y="4930663"/>
            <a:ext cx="11299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fld id="{8E325B10-952C-8E4C-AF7D-96E965CA5592}" type="datetime5">
              <a:rPr lang="en-US" sz="1000" smtClean="0">
                <a:solidFill>
                  <a:schemeClr val="bg1"/>
                </a:solidFill>
              </a:rPr>
              <a:t>15-Aug-24</a:t>
            </a:fld>
            <a:endParaRPr lang="en-VN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08375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75" r:id="rId12"/>
  </p:sldLayoutIdLst>
  <p:hf sldNum="0" hdr="0" ftr="0"/>
  <p:txStyles>
    <p:titleStyle>
      <a:lvl1pPr marL="202406" indent="0" algn="l" defTabSz="342900" rtl="0" eaLnBrk="1" latinLnBrk="0" hangingPunct="1">
        <a:spcBef>
          <a:spcPct val="0"/>
        </a:spcBef>
        <a:buNone/>
        <a:tabLst>
          <a:tab pos="130969" algn="l"/>
        </a:tabLst>
        <a:defRPr sz="3300" kern="1200">
          <a:solidFill>
            <a:schemeClr val="bg1"/>
          </a:solidFill>
          <a:latin typeface="Helvetica"/>
          <a:ea typeface="+mj-ea"/>
          <a:cs typeface="Helvetica"/>
        </a:defRPr>
      </a:lvl1pPr>
    </p:titleStyle>
    <p:bodyStyle>
      <a:lvl1pPr marL="257175" indent="-257175" algn="l" defTabSz="3429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1pPr>
      <a:lvl2pPr marL="557213" indent="-214313" algn="l" defTabSz="342900" rtl="0" eaLnBrk="1" latinLnBrk="0" hangingPunct="1">
        <a:spcBef>
          <a:spcPct val="20000"/>
        </a:spcBef>
        <a:buFont typeface="Arial"/>
        <a:buChar char="–"/>
        <a:defRPr sz="2100" kern="120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2pPr>
      <a:lvl3pPr marL="857250" indent="-171450" algn="l" defTabSz="342900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3pPr>
      <a:lvl4pPr marL="1200150" indent="-171450" algn="l" defTabSz="342900" rtl="0" eaLnBrk="1" latinLnBrk="0" hangingPunct="1">
        <a:spcBef>
          <a:spcPct val="20000"/>
        </a:spcBef>
        <a:buFont typeface="Arial"/>
        <a:buChar char="–"/>
        <a:defRPr sz="1500" kern="120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4pPr>
      <a:lvl5pPr marL="1543050" indent="-171450" algn="l" defTabSz="342900" rtl="0" eaLnBrk="1" latinLnBrk="0" hangingPunct="1">
        <a:spcBef>
          <a:spcPct val="20000"/>
        </a:spcBef>
        <a:buFont typeface="Arial"/>
        <a:buChar char="»"/>
        <a:defRPr sz="1500" kern="1200">
          <a:solidFill>
            <a:schemeClr val="tx1">
              <a:lumMod val="50000"/>
              <a:lumOff val="50000"/>
            </a:schemeClr>
          </a:solidFill>
          <a:latin typeface="+mn-lt"/>
          <a:ea typeface="+mn-ea"/>
          <a:cs typeface="+mn-cs"/>
        </a:defRPr>
      </a:lvl5pPr>
      <a:lvl6pPr marL="18859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image" Target="../media/image16.png"/><Relationship Id="rId7" Type="http://schemas.openxmlformats.org/officeDocument/2006/relationships/image" Target="../media/image20.png"/><Relationship Id="rId12" Type="http://schemas.openxmlformats.org/officeDocument/2006/relationships/image" Target="../media/image25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11" Type="http://schemas.openxmlformats.org/officeDocument/2006/relationships/image" Target="../media/image24.png"/><Relationship Id="rId5" Type="http://schemas.openxmlformats.org/officeDocument/2006/relationships/image" Target="../media/image18.png"/><Relationship Id="rId10" Type="http://schemas.openxmlformats.org/officeDocument/2006/relationships/image" Target="../media/image23.png"/><Relationship Id="rId4" Type="http://schemas.openxmlformats.org/officeDocument/2006/relationships/image" Target="../media/image17.png"/><Relationship Id="rId9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jpeg"/><Relationship Id="rId3" Type="http://schemas.openxmlformats.org/officeDocument/2006/relationships/image" Target="../media/image27.jpeg"/><Relationship Id="rId7" Type="http://schemas.openxmlformats.org/officeDocument/2006/relationships/image" Target="../media/image3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0.jpeg"/><Relationship Id="rId5" Type="http://schemas.openxmlformats.org/officeDocument/2006/relationships/image" Target="../media/image29.jpeg"/><Relationship Id="rId4" Type="http://schemas.openxmlformats.org/officeDocument/2006/relationships/image" Target="../media/image28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4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4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daviteq.com/en/product-category/wireless-sensors-actuators/" TargetMode="Externa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www.daviteq.com/en/?s=lorawan&amp;x=0&amp;y=0" TargetMode="External"/><Relationship Id="rId5" Type="http://schemas.openxmlformats.org/officeDocument/2006/relationships/hyperlink" Target="https://www.daviteq.com/en/product-category/wireless-sensors-actuators/" TargetMode="External"/><Relationship Id="rId4" Type="http://schemas.openxmlformats.org/officeDocument/2006/relationships/image" Target="../media/image4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image" Target="../media/image51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daviteq.com/en/?s=sigfox&amp;x=0&amp;y=0" TargetMode="External"/><Relationship Id="rId4" Type="http://schemas.openxmlformats.org/officeDocument/2006/relationships/hyperlink" Target="https://www.daviteq.com/en/product-category/wireless-sensors-actuators/" TargetMode="Externa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daviteq.com/en/?tags=measurement-controls_level" TargetMode="External"/><Relationship Id="rId4" Type="http://schemas.openxmlformats.org/officeDocument/2006/relationships/hyperlink" Target="https://www.daviteq.com/en/product-category/wireless-sensors-actuators/" TargetMode="Externa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daviteq.com/en/product-category/iot-products-2/" TargetMode="External"/><Relationship Id="rId4" Type="http://schemas.openxmlformats.org/officeDocument/2006/relationships/hyperlink" Target="https://www.daviteq.com/en/product-category/wireless-sensors-actuators/" TargetMode="Externa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0.png"/><Relationship Id="rId4" Type="http://schemas.openxmlformats.org/officeDocument/2006/relationships/image" Target="../media/image59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tiff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em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4.tiff"/><Relationship Id="rId4" Type="http://schemas.openxmlformats.org/officeDocument/2006/relationships/image" Target="../media/image63.tiff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jp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7.jp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9.jp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1.jp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3.jp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jp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5.jp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jp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7.jp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jp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9.jp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jpg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1.jp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3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3.pn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6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8.png"/></Relationships>
</file>

<file path=ppt/slides/_rels/slide48.xml.rels><?xml version="1.0" encoding="UTF-8" standalone="yes"?>
<Relationships xmlns="http://schemas.openxmlformats.org/package/2006/relationships"><Relationship Id="rId8" Type="http://schemas.openxmlformats.org/officeDocument/2006/relationships/image" Target="../media/image94.png"/><Relationship Id="rId13" Type="http://schemas.openxmlformats.org/officeDocument/2006/relationships/image" Target="../media/image99.png"/><Relationship Id="rId18" Type="http://schemas.openxmlformats.org/officeDocument/2006/relationships/image" Target="../media/image104.png"/><Relationship Id="rId3" Type="http://schemas.openxmlformats.org/officeDocument/2006/relationships/image" Target="../media/image89.png"/><Relationship Id="rId7" Type="http://schemas.openxmlformats.org/officeDocument/2006/relationships/image" Target="../media/image93.png"/><Relationship Id="rId12" Type="http://schemas.openxmlformats.org/officeDocument/2006/relationships/image" Target="../media/image98.png"/><Relationship Id="rId17" Type="http://schemas.openxmlformats.org/officeDocument/2006/relationships/image" Target="../media/image103.png"/><Relationship Id="rId2" Type="http://schemas.openxmlformats.org/officeDocument/2006/relationships/notesSlide" Target="../notesSlides/notesSlide42.xml"/><Relationship Id="rId16" Type="http://schemas.openxmlformats.org/officeDocument/2006/relationships/image" Target="../media/image102.png"/><Relationship Id="rId20" Type="http://schemas.openxmlformats.org/officeDocument/2006/relationships/image" Target="../media/image10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2.png"/><Relationship Id="rId11" Type="http://schemas.openxmlformats.org/officeDocument/2006/relationships/image" Target="../media/image97.png"/><Relationship Id="rId5" Type="http://schemas.openxmlformats.org/officeDocument/2006/relationships/image" Target="../media/image91.png"/><Relationship Id="rId15" Type="http://schemas.openxmlformats.org/officeDocument/2006/relationships/image" Target="../media/image101.png"/><Relationship Id="rId10" Type="http://schemas.openxmlformats.org/officeDocument/2006/relationships/image" Target="../media/image96.png"/><Relationship Id="rId19" Type="http://schemas.openxmlformats.org/officeDocument/2006/relationships/image" Target="../media/image105.png"/><Relationship Id="rId4" Type="http://schemas.openxmlformats.org/officeDocument/2006/relationships/image" Target="../media/image90.jpeg"/><Relationship Id="rId9" Type="http://schemas.openxmlformats.org/officeDocument/2006/relationships/image" Target="../media/image95.png"/><Relationship Id="rId14" Type="http://schemas.openxmlformats.org/officeDocument/2006/relationships/image" Target="../media/image100.png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2.png"/><Relationship Id="rId13" Type="http://schemas.openxmlformats.org/officeDocument/2006/relationships/image" Target="../media/image117.png"/><Relationship Id="rId18" Type="http://schemas.openxmlformats.org/officeDocument/2006/relationships/image" Target="../media/image122.png"/><Relationship Id="rId3" Type="http://schemas.openxmlformats.org/officeDocument/2006/relationships/image" Target="../media/image107.png"/><Relationship Id="rId7" Type="http://schemas.openxmlformats.org/officeDocument/2006/relationships/image" Target="../media/image111.tiff"/><Relationship Id="rId12" Type="http://schemas.openxmlformats.org/officeDocument/2006/relationships/image" Target="../media/image116.png"/><Relationship Id="rId17" Type="http://schemas.openxmlformats.org/officeDocument/2006/relationships/image" Target="../media/image121.jpg"/><Relationship Id="rId2" Type="http://schemas.openxmlformats.org/officeDocument/2006/relationships/notesSlide" Target="../notesSlides/notesSlide43.xml"/><Relationship Id="rId16" Type="http://schemas.openxmlformats.org/officeDocument/2006/relationships/image" Target="../media/image120.jpeg"/><Relationship Id="rId20" Type="http://schemas.openxmlformats.org/officeDocument/2006/relationships/image" Target="../media/image12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0.png"/><Relationship Id="rId11" Type="http://schemas.openxmlformats.org/officeDocument/2006/relationships/image" Target="../media/image115.png"/><Relationship Id="rId5" Type="http://schemas.openxmlformats.org/officeDocument/2006/relationships/image" Target="../media/image109.png"/><Relationship Id="rId15" Type="http://schemas.openxmlformats.org/officeDocument/2006/relationships/image" Target="../media/image119.jpeg"/><Relationship Id="rId10" Type="http://schemas.openxmlformats.org/officeDocument/2006/relationships/image" Target="../media/image114.png"/><Relationship Id="rId19" Type="http://schemas.openxmlformats.org/officeDocument/2006/relationships/image" Target="../media/image123.png"/><Relationship Id="rId4" Type="http://schemas.openxmlformats.org/officeDocument/2006/relationships/image" Target="../media/image108.png"/><Relationship Id="rId9" Type="http://schemas.openxmlformats.org/officeDocument/2006/relationships/image" Target="../media/image113.png"/><Relationship Id="rId14" Type="http://schemas.openxmlformats.org/officeDocument/2006/relationships/image" Target="../media/image118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5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0.png"/><Relationship Id="rId13" Type="http://schemas.openxmlformats.org/officeDocument/2006/relationships/image" Target="../media/image134.png"/><Relationship Id="rId18" Type="http://schemas.openxmlformats.org/officeDocument/2006/relationships/image" Target="../media/image139.png"/><Relationship Id="rId3" Type="http://schemas.openxmlformats.org/officeDocument/2006/relationships/image" Target="../media/image125.png"/><Relationship Id="rId7" Type="http://schemas.openxmlformats.org/officeDocument/2006/relationships/image" Target="../media/image129.png"/><Relationship Id="rId12" Type="http://schemas.microsoft.com/office/2007/relationships/hdphoto" Target="../media/hdphoto1.wdp"/><Relationship Id="rId17" Type="http://schemas.openxmlformats.org/officeDocument/2006/relationships/image" Target="../media/image138.jpeg"/><Relationship Id="rId2" Type="http://schemas.openxmlformats.org/officeDocument/2006/relationships/notesSlide" Target="../notesSlides/notesSlide44.xml"/><Relationship Id="rId16" Type="http://schemas.openxmlformats.org/officeDocument/2006/relationships/image" Target="../media/image137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8.png"/><Relationship Id="rId11" Type="http://schemas.openxmlformats.org/officeDocument/2006/relationships/image" Target="../media/image133.png"/><Relationship Id="rId5" Type="http://schemas.openxmlformats.org/officeDocument/2006/relationships/image" Target="../media/image127.png"/><Relationship Id="rId15" Type="http://schemas.openxmlformats.org/officeDocument/2006/relationships/image" Target="../media/image136.png"/><Relationship Id="rId10" Type="http://schemas.openxmlformats.org/officeDocument/2006/relationships/image" Target="../media/image132.tiff"/><Relationship Id="rId4" Type="http://schemas.openxmlformats.org/officeDocument/2006/relationships/image" Target="../media/image126.png"/><Relationship Id="rId9" Type="http://schemas.openxmlformats.org/officeDocument/2006/relationships/image" Target="../media/image131.tiff"/><Relationship Id="rId14" Type="http://schemas.openxmlformats.org/officeDocument/2006/relationships/image" Target="../media/image135.png"/></Relationships>
</file>

<file path=ppt/slides/_rels/slide5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5.png"/><Relationship Id="rId13" Type="http://schemas.openxmlformats.org/officeDocument/2006/relationships/image" Target="../media/image150.jpeg"/><Relationship Id="rId3" Type="http://schemas.openxmlformats.org/officeDocument/2006/relationships/image" Target="../media/image140.jpg"/><Relationship Id="rId7" Type="http://schemas.openxmlformats.org/officeDocument/2006/relationships/image" Target="../media/image144.png"/><Relationship Id="rId12" Type="http://schemas.openxmlformats.org/officeDocument/2006/relationships/image" Target="../media/image149.png"/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3.png"/><Relationship Id="rId11" Type="http://schemas.openxmlformats.org/officeDocument/2006/relationships/image" Target="../media/image148.png"/><Relationship Id="rId5" Type="http://schemas.openxmlformats.org/officeDocument/2006/relationships/image" Target="../media/image142.png"/><Relationship Id="rId10" Type="http://schemas.openxmlformats.org/officeDocument/2006/relationships/image" Target="../media/image147.tiff"/><Relationship Id="rId4" Type="http://schemas.openxmlformats.org/officeDocument/2006/relationships/image" Target="../media/image141.png"/><Relationship Id="rId9" Type="http://schemas.openxmlformats.org/officeDocument/2006/relationships/image" Target="../media/image146.tiff"/></Relationships>
</file>

<file path=ppt/slides/_rels/slide5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6.png"/><Relationship Id="rId3" Type="http://schemas.openxmlformats.org/officeDocument/2006/relationships/image" Target="../media/image151.png"/><Relationship Id="rId7" Type="http://schemas.openxmlformats.org/officeDocument/2006/relationships/image" Target="../media/image155.png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4.tiff"/><Relationship Id="rId5" Type="http://schemas.openxmlformats.org/officeDocument/2006/relationships/image" Target="../media/image153.tiff"/><Relationship Id="rId10" Type="http://schemas.openxmlformats.org/officeDocument/2006/relationships/image" Target="../media/image158.png"/><Relationship Id="rId4" Type="http://schemas.openxmlformats.org/officeDocument/2006/relationships/image" Target="../media/image152.tiff"/><Relationship Id="rId9" Type="http://schemas.openxmlformats.org/officeDocument/2006/relationships/image" Target="../media/image157.png"/></Relationships>
</file>

<file path=ppt/slides/_rels/slide5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4.png"/><Relationship Id="rId3" Type="http://schemas.openxmlformats.org/officeDocument/2006/relationships/image" Target="../media/image159.png"/><Relationship Id="rId7" Type="http://schemas.openxmlformats.org/officeDocument/2006/relationships/image" Target="../media/image163.png"/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2.png"/><Relationship Id="rId5" Type="http://schemas.openxmlformats.org/officeDocument/2006/relationships/image" Target="../media/image161.png"/><Relationship Id="rId10" Type="http://schemas.openxmlformats.org/officeDocument/2006/relationships/image" Target="../media/image166.png"/><Relationship Id="rId4" Type="http://schemas.openxmlformats.org/officeDocument/2006/relationships/image" Target="../media/image160.png"/><Relationship Id="rId9" Type="http://schemas.openxmlformats.org/officeDocument/2006/relationships/image" Target="../media/image165.png"/></Relationships>
</file>

<file path=ppt/slides/_rels/slide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2.png"/><Relationship Id="rId3" Type="http://schemas.openxmlformats.org/officeDocument/2006/relationships/image" Target="../media/image167.png"/><Relationship Id="rId7" Type="http://schemas.openxmlformats.org/officeDocument/2006/relationships/image" Target="../media/image171.png"/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70.png"/><Relationship Id="rId11" Type="http://schemas.openxmlformats.org/officeDocument/2006/relationships/image" Target="../media/image175.png"/><Relationship Id="rId5" Type="http://schemas.openxmlformats.org/officeDocument/2006/relationships/image" Target="../media/image169.png"/><Relationship Id="rId10" Type="http://schemas.openxmlformats.org/officeDocument/2006/relationships/image" Target="../media/image174.svg"/><Relationship Id="rId4" Type="http://schemas.openxmlformats.org/officeDocument/2006/relationships/image" Target="../media/image168.png"/><Relationship Id="rId9" Type="http://schemas.openxmlformats.org/officeDocument/2006/relationships/image" Target="../media/image173.png"/></Relationships>
</file>

<file path=ppt/slides/_rels/slide5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1.png"/><Relationship Id="rId3" Type="http://schemas.openxmlformats.org/officeDocument/2006/relationships/image" Target="../media/image176.png"/><Relationship Id="rId7" Type="http://schemas.openxmlformats.org/officeDocument/2006/relationships/image" Target="../media/image180.png"/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79.png"/><Relationship Id="rId5" Type="http://schemas.openxmlformats.org/officeDocument/2006/relationships/image" Target="../media/image178.png"/><Relationship Id="rId10" Type="http://schemas.openxmlformats.org/officeDocument/2006/relationships/image" Target="../media/image183.png"/><Relationship Id="rId4" Type="http://schemas.openxmlformats.org/officeDocument/2006/relationships/image" Target="../media/image177.png"/><Relationship Id="rId9" Type="http://schemas.openxmlformats.org/officeDocument/2006/relationships/image" Target="../media/image182.png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aviteq.com/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9D216D49-657B-22A8-8B4F-2D65B5011BD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COMPANY PROFILE</a:t>
            </a:r>
            <a:endParaRPr lang="en-VN" dirty="0"/>
          </a:p>
        </p:txBody>
      </p:sp>
      <p:sp>
        <p:nvSpPr>
          <p:cNvPr id="5" name="Subtitle 4"/>
          <p:cNvSpPr txBox="1">
            <a:spLocks/>
          </p:cNvSpPr>
          <p:nvPr/>
        </p:nvSpPr>
        <p:spPr>
          <a:xfrm>
            <a:off x="905256" y="2469539"/>
            <a:ext cx="7324343" cy="65041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2100" kern="1200">
                <a:solidFill>
                  <a:schemeClr val="tx1">
                    <a:lumMod val="50000"/>
                    <a:lumOff val="50000"/>
                  </a:schemeClr>
                </a:solidFill>
                <a:latin typeface="Helvetica"/>
                <a:ea typeface="+mn-ea"/>
                <a:cs typeface="Helvetica"/>
              </a:defRPr>
            </a:lvl1pPr>
            <a:lvl2pPr marL="3429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21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342900" rtl="0" eaLnBrk="1" latinLnBrk="0" hangingPunct="1">
              <a:spcBef>
                <a:spcPct val="20000"/>
              </a:spcBef>
              <a:buFont typeface="Arial"/>
              <a:buNone/>
              <a:defRPr sz="15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600" dirty="0">
                <a:solidFill>
                  <a:srgbClr val="F37043"/>
                </a:solidFill>
              </a:rPr>
              <a:t>Daviteq Technologies </a:t>
            </a:r>
            <a:r>
              <a:rPr lang="en-US" sz="3600" dirty="0" err="1">
                <a:solidFill>
                  <a:srgbClr val="F37043"/>
                </a:solidFill>
              </a:rPr>
              <a:t>Inc</a:t>
            </a:r>
            <a:endParaRPr lang="en-US" sz="3600" dirty="0">
              <a:solidFill>
                <a:srgbClr val="F3704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91170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/>
              <a:t>Why Daviteq?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3219" y="628651"/>
            <a:ext cx="7945407" cy="4080090"/>
          </a:xfrm>
        </p:spPr>
        <p:txBody>
          <a:bodyPr>
            <a:noAutofit/>
          </a:bodyPr>
          <a:lstStyle/>
          <a:p>
            <a:r>
              <a:rPr lang="en-US" sz="1350">
                <a:solidFill>
                  <a:srgbClr val="010000"/>
                </a:solidFill>
              </a:rPr>
              <a:t> 17-year experience in Industrial Measurement and Controls;</a:t>
            </a:r>
          </a:p>
          <a:p>
            <a:r>
              <a:rPr lang="en-US" sz="1350">
                <a:solidFill>
                  <a:srgbClr val="010000"/>
                </a:solidFill>
              </a:rPr>
              <a:t>10-year experience in Developing and Manufacturing instruments, IoT wireless sensors, IoT gateways &amp; IoT solutions;</a:t>
            </a:r>
          </a:p>
          <a:p>
            <a:r>
              <a:rPr lang="en-US" sz="1350">
                <a:solidFill>
                  <a:srgbClr val="010000"/>
                </a:solidFill>
              </a:rPr>
              <a:t>In-house product developing capability from Hardware, Firmware, Software (Server back-end, Web, Mobile);</a:t>
            </a:r>
          </a:p>
          <a:p>
            <a:r>
              <a:rPr lang="en-US" sz="1350">
                <a:solidFill>
                  <a:srgbClr val="010000"/>
                </a:solidFill>
              </a:rPr>
              <a:t>Product to comply International standard: CE, EMC…</a:t>
            </a:r>
          </a:p>
          <a:p>
            <a:r>
              <a:rPr lang="en-US" sz="1350">
                <a:solidFill>
                  <a:srgbClr val="010000"/>
                </a:solidFill>
              </a:rPr>
              <a:t>Core technology: Ultra-low power wireless sensors (single battery can last 10-15 years);</a:t>
            </a:r>
          </a:p>
          <a:p>
            <a:r>
              <a:rPr lang="en-US" sz="1350">
                <a:solidFill>
                  <a:srgbClr val="010000"/>
                </a:solidFill>
              </a:rPr>
              <a:t>Core technology: Support various open connectivities: LoRaWAN, Sigfox, Sub-GHz, NB-IoT…</a:t>
            </a:r>
          </a:p>
          <a:p>
            <a:r>
              <a:rPr lang="en-US" sz="1350">
                <a:solidFill>
                  <a:srgbClr val="010000"/>
                </a:solidFill>
              </a:rPr>
              <a:t>Core technology: NO-CODE IoT Platform for quick deployment any IoT Solutions;</a:t>
            </a:r>
          </a:p>
          <a:p>
            <a:r>
              <a:rPr lang="en-US" sz="1350">
                <a:solidFill>
                  <a:srgbClr val="010000"/>
                </a:solidFill>
              </a:rPr>
              <a:t>Worldwide markets: Vietnam, Singapore, Malaysia, Australia, New Zealand, India, South African, Europe…</a:t>
            </a:r>
            <a:endParaRPr lang="en-US" sz="1350" dirty="0">
              <a:solidFill>
                <a:srgbClr val="010000"/>
              </a:solidFill>
              <a:highlight>
                <a:srgbClr val="FFFF00"/>
              </a:highlight>
            </a:endParaRPr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71C8F511-2499-F045-ACA7-8147C5A7F8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463012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BF17BAD0-D769-B440-A1E4-21B9B07722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85458"/>
            <a:ext cx="9144000" cy="714109"/>
          </a:xfrm>
        </p:spPr>
        <p:txBody>
          <a:bodyPr>
            <a:normAutofit/>
          </a:bodyPr>
          <a:lstStyle/>
          <a:p>
            <a:r>
              <a:rPr lang="en-US" sz="3200" dirty="0"/>
              <a:t>Key Markets</a:t>
            </a:r>
          </a:p>
        </p:txBody>
      </p:sp>
      <p:sp>
        <p:nvSpPr>
          <p:cNvPr id="2" name="Rounded Rectangle 1">
            <a:extLst>
              <a:ext uri="{FF2B5EF4-FFF2-40B4-BE49-F238E27FC236}">
                <a16:creationId xmlns:a16="http://schemas.microsoft.com/office/drawing/2014/main" id="{D09AC730-FF84-8043-9BB5-846371FFE298}"/>
              </a:ext>
            </a:extLst>
          </p:cNvPr>
          <p:cNvSpPr/>
          <p:nvPr/>
        </p:nvSpPr>
        <p:spPr>
          <a:xfrm>
            <a:off x="425451" y="1055274"/>
            <a:ext cx="4982328" cy="495620"/>
          </a:xfrm>
          <a:prstGeom prst="roundRect">
            <a:avLst/>
          </a:prstGeom>
          <a:gradFill flip="none" rotWithShape="1">
            <a:gsLst>
              <a:gs pos="0">
                <a:schemeClr val="accent2">
                  <a:lumMod val="40000"/>
                  <a:lumOff val="60000"/>
                </a:schemeClr>
              </a:gs>
              <a:gs pos="46000">
                <a:schemeClr val="accent2">
                  <a:lumMod val="95000"/>
                  <a:lumOff val="5000"/>
                </a:schemeClr>
              </a:gs>
              <a:gs pos="100000">
                <a:schemeClr val="accent2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800" dirty="0"/>
              <a:t>SMART MANUFACTURING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2C7AA2F4-F04B-F246-8763-124B043EE423}"/>
              </a:ext>
            </a:extLst>
          </p:cNvPr>
          <p:cNvSpPr/>
          <p:nvPr/>
        </p:nvSpPr>
        <p:spPr>
          <a:xfrm>
            <a:off x="1204355" y="1675919"/>
            <a:ext cx="4982328" cy="495620"/>
          </a:xfrm>
          <a:prstGeom prst="roundRect">
            <a:avLst/>
          </a:prstGeom>
          <a:gradFill flip="none" rotWithShape="1">
            <a:gsLst>
              <a:gs pos="0">
                <a:schemeClr val="accent1">
                  <a:lumMod val="40000"/>
                  <a:lumOff val="60000"/>
                </a:schemeClr>
              </a:gs>
              <a:gs pos="46000">
                <a:schemeClr val="accent1">
                  <a:lumMod val="95000"/>
                  <a:lumOff val="5000"/>
                </a:schemeClr>
              </a:gs>
              <a:gs pos="100000">
                <a:schemeClr val="accent1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800" dirty="0"/>
              <a:t>FACILITY MONITORING</a:t>
            </a:r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003CE61E-5BEB-A44B-B559-7CD27FDF7EF6}"/>
              </a:ext>
            </a:extLst>
          </p:cNvPr>
          <p:cNvSpPr/>
          <p:nvPr/>
        </p:nvSpPr>
        <p:spPr>
          <a:xfrm>
            <a:off x="1958416" y="2299526"/>
            <a:ext cx="4982328" cy="495620"/>
          </a:xfrm>
          <a:prstGeom prst="roundRect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800" dirty="0"/>
              <a:t>SMART CITY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09A7A517-A194-194B-98A2-05C10AA09C74}"/>
              </a:ext>
            </a:extLst>
          </p:cNvPr>
          <p:cNvSpPr/>
          <p:nvPr/>
        </p:nvSpPr>
        <p:spPr>
          <a:xfrm>
            <a:off x="2783169" y="2975675"/>
            <a:ext cx="4982328" cy="495620"/>
          </a:xfrm>
          <a:prstGeom prst="roundRect">
            <a:avLst/>
          </a:prstGeom>
          <a:gradFill flip="none" rotWithShape="1">
            <a:gsLst>
              <a:gs pos="0">
                <a:schemeClr val="accent4">
                  <a:lumMod val="40000"/>
                  <a:lumOff val="60000"/>
                </a:schemeClr>
              </a:gs>
              <a:gs pos="46000">
                <a:schemeClr val="accent4">
                  <a:lumMod val="95000"/>
                  <a:lumOff val="5000"/>
                </a:schemeClr>
              </a:gs>
              <a:gs pos="100000">
                <a:schemeClr val="accent4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800" dirty="0"/>
              <a:t>TRANSPORTATION / LOGISTIC</a:t>
            </a:r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718E68D6-3264-B344-A1D3-D9FE5192C2CD}"/>
              </a:ext>
            </a:extLst>
          </p:cNvPr>
          <p:cNvSpPr/>
          <p:nvPr/>
        </p:nvSpPr>
        <p:spPr>
          <a:xfrm>
            <a:off x="3695519" y="3651824"/>
            <a:ext cx="4982328" cy="495620"/>
          </a:xfrm>
          <a:prstGeom prst="round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46000">
                <a:schemeClr val="accent5">
                  <a:lumMod val="95000"/>
                  <a:lumOff val="5000"/>
                </a:schemeClr>
              </a:gs>
              <a:gs pos="100000">
                <a:schemeClr val="accent5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800" dirty="0"/>
              <a:t>UTILITIES</a:t>
            </a:r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id="{4C5716E2-6796-1C4B-9983-BC2350ADE027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Confidential - Copyright by Daviteq - 2021</a:t>
            </a:r>
          </a:p>
        </p:txBody>
      </p:sp>
    </p:spTree>
    <p:extLst>
      <p:ext uri="{BB962C8B-B14F-4D97-AF65-F5344CB8AC3E}">
        <p14:creationId xmlns:p14="http://schemas.microsoft.com/office/powerpoint/2010/main" val="38646741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B5E2B449-6392-1E40-BC50-A8AAB616632E}"/>
              </a:ext>
            </a:extLst>
          </p:cNvPr>
          <p:cNvSpPr txBox="1"/>
          <p:nvPr/>
        </p:nvSpPr>
        <p:spPr>
          <a:xfrm>
            <a:off x="320425" y="692505"/>
            <a:ext cx="757157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What Products / Services to be supplied: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438B9387-0297-E340-B074-0542CFCFE9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85458"/>
            <a:ext cx="9144000" cy="714109"/>
          </a:xfrm>
        </p:spPr>
        <p:txBody>
          <a:bodyPr>
            <a:normAutofit/>
          </a:bodyPr>
          <a:lstStyle/>
          <a:p>
            <a:r>
              <a:rPr lang="en-US" sz="3200" dirty="0"/>
              <a:t>Business Model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77DA978-4DB8-8F4F-86FC-B82520A32797}"/>
              </a:ext>
            </a:extLst>
          </p:cNvPr>
          <p:cNvSpPr/>
          <p:nvPr/>
        </p:nvSpPr>
        <p:spPr>
          <a:xfrm>
            <a:off x="320425" y="1438969"/>
            <a:ext cx="1891553" cy="3164541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40000"/>
                  <a:lumOff val="60000"/>
                </a:schemeClr>
              </a:gs>
              <a:gs pos="46000">
                <a:schemeClr val="accent1">
                  <a:lumMod val="95000"/>
                  <a:lumOff val="5000"/>
                </a:schemeClr>
              </a:gs>
              <a:gs pos="100000">
                <a:schemeClr val="accent1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ctr"/>
            <a:r>
              <a:rPr lang="en-US" sz="2400" b="1" dirty="0"/>
              <a:t>Selling Hardware</a:t>
            </a:r>
          </a:p>
          <a:p>
            <a:pPr algn="ctr"/>
            <a:endParaRPr lang="en-US" sz="2000" dirty="0"/>
          </a:p>
          <a:p>
            <a:pPr algn="ctr"/>
            <a:r>
              <a:rPr lang="en-US" sz="1800" dirty="0"/>
              <a:t>Sensors,</a:t>
            </a:r>
          </a:p>
          <a:p>
            <a:pPr algn="ctr"/>
            <a:r>
              <a:rPr lang="en-US" sz="1800" dirty="0"/>
              <a:t>Gateway,</a:t>
            </a:r>
          </a:p>
          <a:p>
            <a:pPr algn="ctr"/>
            <a:r>
              <a:rPr lang="en-US" sz="1800" dirty="0"/>
              <a:t>Server,</a:t>
            </a:r>
          </a:p>
          <a:p>
            <a:pPr algn="ctr"/>
            <a:r>
              <a:rPr lang="en-US" sz="1800" dirty="0"/>
              <a:t>Accessories…</a:t>
            </a:r>
          </a:p>
          <a:p>
            <a:pPr algn="ctr"/>
            <a:endParaRPr lang="en-US" sz="1800" dirty="0"/>
          </a:p>
          <a:p>
            <a:pPr algn="ctr"/>
            <a:r>
              <a:rPr lang="en-US" sz="1800" dirty="0"/>
              <a:t>(</a:t>
            </a:r>
            <a:r>
              <a:rPr lang="en-US" sz="1800" dirty="0" err="1"/>
              <a:t>Daviteq</a:t>
            </a:r>
            <a:r>
              <a:rPr lang="en-US" sz="1800" dirty="0"/>
              <a:t> Brand and Other brands)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4A8753-173E-8C42-8FF8-66F20DDB0DC2}"/>
              </a:ext>
            </a:extLst>
          </p:cNvPr>
          <p:cNvSpPr/>
          <p:nvPr/>
        </p:nvSpPr>
        <p:spPr>
          <a:xfrm>
            <a:off x="2528047" y="1438969"/>
            <a:ext cx="1891553" cy="3164541"/>
          </a:xfrm>
          <a:prstGeom prst="rect">
            <a:avLst/>
          </a:prstGeom>
          <a:gradFill flip="none" rotWithShape="1">
            <a:gsLst>
              <a:gs pos="0">
                <a:schemeClr val="accent2">
                  <a:lumMod val="40000"/>
                  <a:lumOff val="60000"/>
                </a:schemeClr>
              </a:gs>
              <a:gs pos="46000">
                <a:schemeClr val="accent2">
                  <a:lumMod val="95000"/>
                  <a:lumOff val="5000"/>
                </a:schemeClr>
              </a:gs>
              <a:gs pos="100000">
                <a:schemeClr val="accent2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ctr"/>
            <a:r>
              <a:rPr lang="en-US" sz="2400" b="1" dirty="0"/>
              <a:t>Selling Software</a:t>
            </a:r>
          </a:p>
          <a:p>
            <a:pPr algn="ctr"/>
            <a:endParaRPr lang="en-US" sz="2000" dirty="0"/>
          </a:p>
          <a:p>
            <a:pPr algn="ctr"/>
            <a:r>
              <a:rPr lang="en-US" sz="1800" dirty="0"/>
              <a:t>Annual Subscription</a:t>
            </a:r>
          </a:p>
          <a:p>
            <a:pPr algn="ctr"/>
            <a:r>
              <a:rPr lang="en-US" sz="1800" dirty="0"/>
              <a:t>+</a:t>
            </a:r>
          </a:p>
          <a:p>
            <a:pPr algn="ctr"/>
            <a:r>
              <a:rPr lang="en-US" sz="1800" dirty="0"/>
              <a:t>On-premise + Annual Maintenance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57B4CC5-CC47-C64D-ACBF-92BF3B1171AF}"/>
              </a:ext>
            </a:extLst>
          </p:cNvPr>
          <p:cNvSpPr/>
          <p:nvPr/>
        </p:nvSpPr>
        <p:spPr>
          <a:xfrm>
            <a:off x="4735669" y="1438969"/>
            <a:ext cx="1891553" cy="3164541"/>
          </a:xfrm>
          <a:prstGeom prst="rect">
            <a:avLst/>
          </a:prstGeom>
          <a:gradFill flip="none" rotWithShape="1">
            <a:gsLst>
              <a:gs pos="0">
                <a:schemeClr val="accent3">
                  <a:lumMod val="40000"/>
                  <a:lumOff val="60000"/>
                </a:schemeClr>
              </a:gs>
              <a:gs pos="46000">
                <a:schemeClr val="accent3">
                  <a:lumMod val="95000"/>
                  <a:lumOff val="5000"/>
                </a:schemeClr>
              </a:gs>
              <a:gs pos="100000">
                <a:schemeClr val="accent3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ctr"/>
            <a:r>
              <a:rPr lang="en-US" sz="2400" b="1" dirty="0"/>
              <a:t>Selling Engineering</a:t>
            </a:r>
          </a:p>
          <a:p>
            <a:pPr algn="ctr"/>
            <a:endParaRPr lang="en-US" sz="2000" dirty="0"/>
          </a:p>
          <a:p>
            <a:pPr algn="ctr"/>
            <a:r>
              <a:rPr lang="en-US" sz="1800" dirty="0"/>
              <a:t>For Projects</a:t>
            </a:r>
          </a:p>
          <a:p>
            <a:pPr algn="ctr"/>
            <a:endParaRPr lang="en-US" sz="1800" dirty="0"/>
          </a:p>
          <a:p>
            <a:pPr algn="ctr"/>
            <a:r>
              <a:rPr lang="en-US" sz="1800" dirty="0"/>
              <a:t>Design</a:t>
            </a:r>
          </a:p>
          <a:p>
            <a:pPr algn="ctr"/>
            <a:r>
              <a:rPr lang="en-US" sz="1800" dirty="0"/>
              <a:t>Installation</a:t>
            </a:r>
          </a:p>
          <a:p>
            <a:pPr algn="ctr"/>
            <a:r>
              <a:rPr lang="en-US" sz="1800" dirty="0"/>
              <a:t>Configuration</a:t>
            </a:r>
          </a:p>
          <a:p>
            <a:pPr algn="ctr"/>
            <a:r>
              <a:rPr lang="en-US" sz="1800" dirty="0"/>
              <a:t>Documentation</a:t>
            </a:r>
          </a:p>
          <a:p>
            <a:pPr algn="ctr"/>
            <a:r>
              <a:rPr lang="en-US" sz="1800" dirty="0"/>
              <a:t>…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5622AF0-CD99-264D-803E-532332409DDF}"/>
              </a:ext>
            </a:extLst>
          </p:cNvPr>
          <p:cNvSpPr/>
          <p:nvPr/>
        </p:nvSpPr>
        <p:spPr>
          <a:xfrm>
            <a:off x="6943291" y="1438969"/>
            <a:ext cx="1891553" cy="3164541"/>
          </a:xfrm>
          <a:prstGeom prst="rect">
            <a:avLst/>
          </a:prstGeom>
          <a:gradFill flip="none" rotWithShape="1">
            <a:gsLst>
              <a:gs pos="0">
                <a:schemeClr val="accent4">
                  <a:lumMod val="40000"/>
                  <a:lumOff val="60000"/>
                </a:schemeClr>
              </a:gs>
              <a:gs pos="46000">
                <a:schemeClr val="accent4">
                  <a:lumMod val="95000"/>
                  <a:lumOff val="5000"/>
                </a:schemeClr>
              </a:gs>
              <a:gs pos="100000">
                <a:schemeClr val="accent4">
                  <a:lumMod val="60000"/>
                </a:schemeClr>
              </a:gs>
            </a:gsLst>
            <a:path path="circle">
              <a:fillToRect l="50000" t="130000" r="50000" b="-30000"/>
            </a:path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ctr"/>
            <a:r>
              <a:rPr lang="en-US" sz="2400" b="1" dirty="0"/>
              <a:t>Selling Software </a:t>
            </a:r>
            <a:r>
              <a:rPr lang="en-US" sz="2400" b="1" dirty="0" err="1"/>
              <a:t>Customiza-tion</a:t>
            </a:r>
            <a:endParaRPr lang="en-US" sz="2400" b="1" dirty="0"/>
          </a:p>
          <a:p>
            <a:pPr algn="ctr"/>
            <a:endParaRPr lang="en-US" sz="2000" dirty="0"/>
          </a:p>
          <a:p>
            <a:pPr algn="ctr"/>
            <a:r>
              <a:rPr lang="en-US" sz="1800" dirty="0"/>
              <a:t>Develop based on the existing software core</a:t>
            </a:r>
          </a:p>
        </p:txBody>
      </p:sp>
      <p:sp>
        <p:nvSpPr>
          <p:cNvPr id="14" name="Footer Placeholder 5">
            <a:extLst>
              <a:ext uri="{FF2B5EF4-FFF2-40B4-BE49-F238E27FC236}">
                <a16:creationId xmlns:a16="http://schemas.microsoft.com/office/drawing/2014/main" id="{4C5716E2-6796-1C4B-9983-BC2350ADE027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Confidential - Copyright by Daviteq - 2021</a:t>
            </a:r>
          </a:p>
        </p:txBody>
      </p:sp>
    </p:spTree>
    <p:extLst>
      <p:ext uri="{BB962C8B-B14F-4D97-AF65-F5344CB8AC3E}">
        <p14:creationId xmlns:p14="http://schemas.microsoft.com/office/powerpoint/2010/main" val="72716448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Serving different kinds of Industry</a:t>
            </a: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7793" y="1063211"/>
            <a:ext cx="999803" cy="999803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54713" y="1063210"/>
            <a:ext cx="999803" cy="999803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71632" y="1063209"/>
            <a:ext cx="999803" cy="999803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71632" y="2192082"/>
            <a:ext cx="999803" cy="999803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4524" y="2192083"/>
            <a:ext cx="999803" cy="999803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54713" y="2192083"/>
            <a:ext cx="999803" cy="999803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4524" y="3320954"/>
            <a:ext cx="999803" cy="999803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54712" y="3320954"/>
            <a:ext cx="999803" cy="999803"/>
          </a:xfrm>
          <a:prstGeom prst="rect">
            <a:avLst/>
          </a:prstGeom>
        </p:spPr>
      </p:pic>
      <p:sp>
        <p:nvSpPr>
          <p:cNvPr id="23" name="Footer Placeholder 5">
            <a:extLst>
              <a:ext uri="{FF2B5EF4-FFF2-40B4-BE49-F238E27FC236}">
                <a16:creationId xmlns:a16="http://schemas.microsoft.com/office/drawing/2014/main" id="{235CF431-84FD-E44E-9250-5CB56E364903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988F6E0D-06AA-294F-8909-9350E95CC91A}"/>
              </a:ext>
            </a:extLst>
          </p:cNvPr>
          <p:cNvGrpSpPr/>
          <p:nvPr/>
        </p:nvGrpSpPr>
        <p:grpSpPr>
          <a:xfrm>
            <a:off x="3688550" y="3317887"/>
            <a:ext cx="1002870" cy="1002870"/>
            <a:chOff x="3823989" y="3892067"/>
            <a:chExt cx="1728165" cy="1728165"/>
          </a:xfrm>
        </p:grpSpPr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AB7C6721-52B7-4647-9481-0B46E7D8D3F9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823989" y="3892067"/>
              <a:ext cx="1728165" cy="1728165"/>
            </a:xfrm>
            <a:prstGeom prst="rect">
              <a:avLst/>
            </a:prstGeom>
          </p:spPr>
        </p:pic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80A4863C-468F-4E46-8124-D667298B42C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933287" y="4015539"/>
              <a:ext cx="1509568" cy="1481219"/>
            </a:xfrm>
            <a:prstGeom prst="rect">
              <a:avLst/>
            </a:prstGeom>
          </p:spPr>
        </p:pic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0B8C049C-63D6-B345-A777-C979079EDF29}"/>
              </a:ext>
            </a:extLst>
          </p:cNvPr>
          <p:cNvGrpSpPr/>
          <p:nvPr/>
        </p:nvGrpSpPr>
        <p:grpSpPr>
          <a:xfrm>
            <a:off x="3688551" y="2190548"/>
            <a:ext cx="1002870" cy="1002870"/>
            <a:chOff x="512752" y="3709744"/>
            <a:chExt cx="1728165" cy="1728165"/>
          </a:xfrm>
        </p:grpSpPr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98A386CD-1C0B-9343-9E5C-C03FFE9C3C61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12752" y="3709744"/>
              <a:ext cx="1728165" cy="1728165"/>
            </a:xfrm>
            <a:prstGeom prst="rect">
              <a:avLst/>
            </a:prstGeom>
          </p:spPr>
        </p:pic>
        <p:pic>
          <p:nvPicPr>
            <p:cNvPr id="30" name="Picture 29">
              <a:extLst>
                <a:ext uri="{FF2B5EF4-FFF2-40B4-BE49-F238E27FC236}">
                  <a16:creationId xmlns:a16="http://schemas.microsoft.com/office/drawing/2014/main" id="{4FEC800B-B0BB-F84D-B02C-D9AD63047F1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22342" y="3833637"/>
              <a:ext cx="1508983" cy="1480377"/>
            </a:xfrm>
            <a:prstGeom prst="rect">
              <a:avLst/>
            </a:prstGeom>
          </p:spPr>
        </p:pic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4122FA1B-FC62-3540-B4A0-FC29FED0809F}"/>
              </a:ext>
            </a:extLst>
          </p:cNvPr>
          <p:cNvGrpSpPr/>
          <p:nvPr/>
        </p:nvGrpSpPr>
        <p:grpSpPr>
          <a:xfrm>
            <a:off x="3688551" y="1063209"/>
            <a:ext cx="1002870" cy="1002870"/>
            <a:chOff x="512753" y="1700835"/>
            <a:chExt cx="1728165" cy="1728165"/>
          </a:xfrm>
        </p:grpSpPr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0EF07AE5-0E6C-954B-9476-254FD08680C9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12753" y="1700835"/>
              <a:ext cx="1728165" cy="1728165"/>
            </a:xfrm>
            <a:prstGeom prst="rect">
              <a:avLst/>
            </a:prstGeom>
          </p:spPr>
        </p:pic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33A9452E-1602-494E-8F47-A89A9C3490D4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2125" y="1823108"/>
              <a:ext cx="1469420" cy="1483617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04439082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Our activities</a:t>
            </a:r>
          </a:p>
        </p:txBody>
      </p:sp>
      <p:sp>
        <p:nvSpPr>
          <p:cNvPr id="4" name="Rectangle 3"/>
          <p:cNvSpPr/>
          <p:nvPr/>
        </p:nvSpPr>
        <p:spPr>
          <a:xfrm>
            <a:off x="2595103" y="2594979"/>
            <a:ext cx="2308645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Daviteq at IoT Asia 2019, Singapor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2595502" y="4477657"/>
            <a:ext cx="2228553" cy="4040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Daviteq at Asia IoT Business Platform 2019, Vietnam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110725" y="4471416"/>
            <a:ext cx="2306127" cy="404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Daviteq at Exhibitions in Nurnberg, </a:t>
            </a:r>
          </a:p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Germany 2015</a:t>
            </a:r>
          </a:p>
        </p:txBody>
      </p:sp>
      <p:pic>
        <p:nvPicPr>
          <p:cNvPr id="4098" name="Picture 2" descr="https://scontent-hkg3-1.xx.fbcdn.net/v/t1.0-9/12249656_906673996115598_2277793508943862025_n.jpg?oh=34ecb6d49cad5e644ac004fdf190682b&amp;oe=57DE9B5F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9455" y="2918125"/>
            <a:ext cx="2306126" cy="15374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Footer Placeholder 5">
            <a:extLst>
              <a:ext uri="{FF2B5EF4-FFF2-40B4-BE49-F238E27FC236}">
                <a16:creationId xmlns:a16="http://schemas.microsoft.com/office/drawing/2014/main" id="{36A70B29-7E6D-8B4E-9AC4-E87CE81D827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6" name="Picture 5" descr="A group of people standing in front of a computer&#10;&#10;Description automatically generated">
            <a:extLst>
              <a:ext uri="{FF2B5EF4-FFF2-40B4-BE49-F238E27FC236}">
                <a16:creationId xmlns:a16="http://schemas.microsoft.com/office/drawing/2014/main" id="{3F1AF3D4-D437-1542-9290-BF1AD3D14041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9455" y="865386"/>
            <a:ext cx="2306126" cy="1729594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AF8B7910-9D8B-3248-870B-5866BDC9612A}"/>
              </a:ext>
            </a:extLst>
          </p:cNvPr>
          <p:cNvSpPr/>
          <p:nvPr/>
        </p:nvSpPr>
        <p:spPr>
          <a:xfrm>
            <a:off x="110725" y="2594980"/>
            <a:ext cx="1859805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Daviteq at ISA Vietnam 2019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1ED29ABB-B905-3441-8BF2-DDACAE1C27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78224" y="865386"/>
            <a:ext cx="2273562" cy="17295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1D8C98CA-6F9B-094A-AC28-E3C4453E3A7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14429" y="865387"/>
            <a:ext cx="3749513" cy="17295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F39C36C1-CB05-9747-BE8B-796B8549E694}"/>
              </a:ext>
            </a:extLst>
          </p:cNvPr>
          <p:cNvSpPr/>
          <p:nvPr/>
        </p:nvSpPr>
        <p:spPr>
          <a:xfrm>
            <a:off x="5051840" y="2594979"/>
            <a:ext cx="2757486" cy="30008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</a:rPr>
              <a:t>Daviteq at GSMA 360 2019, Kuala Lumpur</a:t>
            </a:r>
          </a:p>
        </p:txBody>
      </p:sp>
      <p:pic>
        <p:nvPicPr>
          <p:cNvPr id="1030" name="Picture 6">
            <a:extLst>
              <a:ext uri="{FF2B5EF4-FFF2-40B4-BE49-F238E27FC236}">
                <a16:creationId xmlns:a16="http://schemas.microsoft.com/office/drawing/2014/main" id="{17512FA5-DB79-1C4D-8A6D-64A37137EA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78225" y="2904818"/>
            <a:ext cx="2067632" cy="15507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>
            <a:extLst>
              <a:ext uri="{FF2B5EF4-FFF2-40B4-BE49-F238E27FC236}">
                <a16:creationId xmlns:a16="http://schemas.microsoft.com/office/drawing/2014/main" id="{08525231-91F7-5043-AB0D-5367BBF8C0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14428" y="2899391"/>
            <a:ext cx="3386105" cy="15619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8784D54E-ACDC-0745-9CC3-878A0D45567F}"/>
              </a:ext>
            </a:extLst>
          </p:cNvPr>
          <p:cNvSpPr/>
          <p:nvPr/>
        </p:nvSpPr>
        <p:spPr>
          <a:xfrm>
            <a:off x="5051840" y="4471416"/>
            <a:ext cx="3320140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</a:rPr>
              <a:t>Daviteq at Asia IoT Business Platform 2019, Myanmar</a:t>
            </a:r>
          </a:p>
        </p:txBody>
      </p:sp>
    </p:spTree>
    <p:extLst>
      <p:ext uri="{BB962C8B-B14F-4D97-AF65-F5344CB8AC3E}">
        <p14:creationId xmlns:p14="http://schemas.microsoft.com/office/powerpoint/2010/main" val="28527327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Strategic Products</a:t>
            </a:r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id="{F5A8EF6E-3B77-C748-A066-946AB2428E4A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4" name="Picture 3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0E16A539-699E-6D48-8E0C-7327C2B7C2A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57" t="5463" r="66558" b="3535"/>
          <a:stretch/>
        </p:blipFill>
        <p:spPr>
          <a:xfrm>
            <a:off x="715992" y="879894"/>
            <a:ext cx="2562046" cy="1721997"/>
          </a:xfrm>
          <a:prstGeom prst="rect">
            <a:avLst/>
          </a:prstGeom>
        </p:spPr>
      </p:pic>
      <p:pic>
        <p:nvPicPr>
          <p:cNvPr id="7" name="Picture 6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90C6F7A0-599A-3041-889B-1BAB9AEE309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6134" r="48363" b="48095"/>
          <a:stretch/>
        </p:blipFill>
        <p:spPr>
          <a:xfrm>
            <a:off x="2371436" y="3658736"/>
            <a:ext cx="2053655" cy="1183977"/>
          </a:xfrm>
          <a:prstGeom prst="rect">
            <a:avLst/>
          </a:prstGeom>
        </p:spPr>
      </p:pic>
      <p:pic>
        <p:nvPicPr>
          <p:cNvPr id="9" name="Picture 8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14491234-1A62-C145-9B28-E54955355222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46044" r="48363" b="8184"/>
          <a:stretch/>
        </p:blipFill>
        <p:spPr>
          <a:xfrm>
            <a:off x="4066154" y="2691782"/>
            <a:ext cx="2053655" cy="1183977"/>
          </a:xfrm>
          <a:prstGeom prst="rect">
            <a:avLst/>
          </a:prstGeom>
        </p:spPr>
      </p:pic>
      <p:pic>
        <p:nvPicPr>
          <p:cNvPr id="10" name="Picture 9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43068381-2CE8-5041-A456-3688AAA64CE0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9535" t="46952" r="-1172" b="7277"/>
          <a:stretch/>
        </p:blipFill>
        <p:spPr>
          <a:xfrm>
            <a:off x="6120156" y="3658735"/>
            <a:ext cx="2053655" cy="1183977"/>
          </a:xfrm>
          <a:prstGeom prst="rect">
            <a:avLst/>
          </a:prstGeom>
        </p:spPr>
      </p:pic>
      <p:pic>
        <p:nvPicPr>
          <p:cNvPr id="11" name="Picture 10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9AD0A445-6E78-C54F-9AD3-9AF4D8DB06FE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8363" t="5530" b="48699"/>
          <a:stretch/>
        </p:blipFill>
        <p:spPr>
          <a:xfrm>
            <a:off x="1418602" y="2697123"/>
            <a:ext cx="2053655" cy="1183977"/>
          </a:xfrm>
          <a:prstGeom prst="rect">
            <a:avLst/>
          </a:prstGeom>
        </p:spPr>
      </p:pic>
      <p:pic>
        <p:nvPicPr>
          <p:cNvPr id="12" name="Picture 11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B6C0B542-E878-0142-8AE0-0AC01F7C33E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3577" t="5803" r="33638" b="3195"/>
          <a:stretch/>
        </p:blipFill>
        <p:spPr>
          <a:xfrm>
            <a:off x="3290976" y="879894"/>
            <a:ext cx="2562047" cy="1721997"/>
          </a:xfrm>
          <a:prstGeom prst="rect">
            <a:avLst/>
          </a:prstGeom>
        </p:spPr>
      </p:pic>
      <p:pic>
        <p:nvPicPr>
          <p:cNvPr id="14" name="Picture 13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BAF9F6C6-C18E-8D42-BF69-BB7AE139B70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66888" t="5922" r="327" b="3360"/>
          <a:stretch/>
        </p:blipFill>
        <p:spPr>
          <a:xfrm>
            <a:off x="5865961" y="879894"/>
            <a:ext cx="2562047" cy="17166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0659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3" presetClass="entr" presetSubtype="10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3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3" presetClass="entr" presetSubtype="10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41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9A7BE652-C125-2343-A70F-3DFC98E449E7}"/>
              </a:ext>
            </a:extLst>
          </p:cNvPr>
          <p:cNvSpPr txBox="1"/>
          <p:nvPr/>
        </p:nvSpPr>
        <p:spPr>
          <a:xfrm>
            <a:off x="508239" y="740431"/>
            <a:ext cx="4218276" cy="40857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800" b="1" dirty="0">
                <a:solidFill>
                  <a:srgbClr val="F37043"/>
                </a:solidFill>
              </a:rPr>
              <a:t>Daviteq Sub-GHz Wireless Sensors</a:t>
            </a:r>
          </a:p>
          <a:p>
            <a:pPr marL="285750" indent="-285750">
              <a:buFont typeface="Wingdings" pitchFamily="2" charset="2"/>
              <a:buChar char="ü"/>
            </a:pP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Long Distance communication</a:t>
            </a:r>
            <a:br>
              <a:rPr lang="x-none" dirty="0"/>
            </a:br>
            <a:r>
              <a:rPr lang="x-none" sz="1200" dirty="0"/>
              <a:t>1000m LOS or go through 4 floors</a:t>
            </a:r>
            <a:br>
              <a:rPr lang="x-none" dirty="0"/>
            </a:br>
            <a:endParaRPr lang="x-none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Up to 15-year Battery life</a:t>
            </a:r>
            <a:br>
              <a:rPr lang="x-none" sz="1800" dirty="0"/>
            </a:br>
            <a:r>
              <a:rPr lang="x-none" sz="1200" dirty="0"/>
              <a:t>by popular battery Alkaline or Lithium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2-way communication</a:t>
            </a:r>
            <a:br>
              <a:rPr lang="x-none" sz="1800" dirty="0"/>
            </a:br>
            <a:r>
              <a:rPr lang="x-none" sz="1200" dirty="0"/>
              <a:t>For strong functions, Configuration on Air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CE/RED Certified</a:t>
            </a:r>
            <a:br>
              <a:rPr lang="x-none" sz="1800" dirty="0"/>
            </a:br>
            <a:r>
              <a:rPr lang="x-none" sz="1200" dirty="0"/>
              <a:t>EMC, Safety and IP67 test reports by SGS</a:t>
            </a:r>
            <a:br>
              <a:rPr lang="x-none" sz="1200" dirty="0"/>
            </a:br>
            <a:endParaRPr lang="x-none" sz="12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Many kinds of Sensors and I/O</a:t>
            </a:r>
            <a:br>
              <a:rPr lang="x-none" sz="1200" dirty="0"/>
            </a:br>
            <a:r>
              <a:rPr lang="x-none" sz="1200" dirty="0"/>
              <a:t>Temperature, humidity, pressure, level, analog, digital, ambient ligth, vibration, gas sensor, liquid sensor…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Wireless Sub-GHz Sensors &amp; Actuat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4C8C029E-4C3C-E744-A423-AC4EFD5BCAEB}"/>
              </a:ext>
            </a:extLst>
          </p:cNvPr>
          <p:cNvGrpSpPr/>
          <p:nvPr/>
        </p:nvGrpSpPr>
        <p:grpSpPr>
          <a:xfrm>
            <a:off x="4726515" y="1725283"/>
            <a:ext cx="4087415" cy="2898476"/>
            <a:chOff x="4726514" y="1484922"/>
            <a:chExt cx="4087415" cy="2898476"/>
          </a:xfrm>
        </p:grpSpPr>
        <p:pic>
          <p:nvPicPr>
            <p:cNvPr id="4098" name="Picture 2">
              <a:extLst>
                <a:ext uri="{FF2B5EF4-FFF2-40B4-BE49-F238E27FC236}">
                  <a16:creationId xmlns:a16="http://schemas.microsoft.com/office/drawing/2014/main" id="{D1E9D3A9-A007-4742-A943-3EBC525C172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18255" b="10832"/>
            <a:stretch/>
          </p:blipFill>
          <p:spPr bwMode="auto">
            <a:xfrm>
              <a:off x="4726514" y="1484922"/>
              <a:ext cx="4087415" cy="28984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A5524CC1-AD6F-874E-9ADB-3A0F3244BFE1}"/>
                </a:ext>
              </a:extLst>
            </p:cNvPr>
            <p:cNvSpPr/>
            <p:nvPr/>
          </p:nvSpPr>
          <p:spPr>
            <a:xfrm>
              <a:off x="5411755" y="2071397"/>
              <a:ext cx="111967" cy="17728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x-none" sz="1600" dirty="0">
                  <a:solidFill>
                    <a:srgbClr val="FF0000"/>
                  </a:solidFill>
                </a:rPr>
                <a:t>1</a:t>
              </a:r>
            </a:p>
          </p:txBody>
        </p:sp>
      </p:grpSp>
      <p:pic>
        <p:nvPicPr>
          <p:cNvPr id="13" name="Picture 12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0585CBC8-6738-1A4C-9FBD-0F9BE85CDC4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8363" t="5530" b="48699"/>
          <a:stretch/>
        </p:blipFill>
        <p:spPr>
          <a:xfrm>
            <a:off x="6034325" y="674356"/>
            <a:ext cx="1471793" cy="848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72956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31" presetClass="entr" presetSubtype="0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entr" presetSubtype="4" fill="hold" grpId="0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Wireless Sub-GHz – Easy of Use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7DC6208-24E4-1147-865A-E7F8A154D6DB}"/>
              </a:ext>
            </a:extLst>
          </p:cNvPr>
          <p:cNvSpPr txBox="1"/>
          <p:nvPr/>
        </p:nvSpPr>
        <p:spPr>
          <a:xfrm>
            <a:off x="838051" y="3446432"/>
            <a:ext cx="993151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Open cover by 1 screw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63BAD76-F531-D742-9CA8-27D58C3A2E05}"/>
              </a:ext>
            </a:extLst>
          </p:cNvPr>
          <p:cNvSpPr txBox="1"/>
          <p:nvPr/>
        </p:nvSpPr>
        <p:spPr>
          <a:xfrm>
            <a:off x="3432441" y="3550306"/>
            <a:ext cx="1904670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Insert Battery AA 1.5V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E21200E-F18C-4B44-AAC9-FBCBCD4E0A92}"/>
              </a:ext>
            </a:extLst>
          </p:cNvPr>
          <p:cNvSpPr txBox="1"/>
          <p:nvPr/>
        </p:nvSpPr>
        <p:spPr>
          <a:xfrm>
            <a:off x="6610937" y="3550306"/>
            <a:ext cx="1660442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Place sensor nearby Wireless Co-ordinator to add it in</a:t>
            </a:r>
          </a:p>
        </p:txBody>
      </p:sp>
      <p:pic>
        <p:nvPicPr>
          <p:cNvPr id="10242" name="Picture 2">
            <a:extLst>
              <a:ext uri="{FF2B5EF4-FFF2-40B4-BE49-F238E27FC236}">
                <a16:creationId xmlns:a16="http://schemas.microsoft.com/office/drawing/2014/main" id="{74F760D6-7DEE-EC4A-8F2E-859510E61B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41476" y="1040459"/>
            <a:ext cx="2363925" cy="23639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44" name="Picture 4">
            <a:extLst>
              <a:ext uri="{FF2B5EF4-FFF2-40B4-BE49-F238E27FC236}">
                <a16:creationId xmlns:a16="http://schemas.microsoft.com/office/drawing/2014/main" id="{238BE5FF-E596-E84C-96BC-C7F6C852EB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54284" y="919427"/>
            <a:ext cx="2484957" cy="24849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A picture containing indoor&#10;&#10;Description automatically generated">
            <a:extLst>
              <a:ext uri="{FF2B5EF4-FFF2-40B4-BE49-F238E27FC236}">
                <a16:creationId xmlns:a16="http://schemas.microsoft.com/office/drawing/2014/main" id="{7E862B83-BBE0-7343-9FDF-EB3FF6AD9AE1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32839" y="1002785"/>
            <a:ext cx="2416639" cy="2331980"/>
          </a:xfrm>
          <a:prstGeom prst="rect">
            <a:avLst/>
          </a:prstGeom>
        </p:spPr>
      </p:pic>
      <p:sp>
        <p:nvSpPr>
          <p:cNvPr id="4" name="Right Arrow 3">
            <a:extLst>
              <a:ext uri="{FF2B5EF4-FFF2-40B4-BE49-F238E27FC236}">
                <a16:creationId xmlns:a16="http://schemas.microsoft.com/office/drawing/2014/main" id="{8B82AC40-F844-0C40-9C27-D472562227ED}"/>
              </a:ext>
            </a:extLst>
          </p:cNvPr>
          <p:cNvSpPr/>
          <p:nvPr/>
        </p:nvSpPr>
        <p:spPr>
          <a:xfrm>
            <a:off x="2544039" y="2192861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281AF0C4-88E4-9342-81ED-DD4C206C143C}"/>
              </a:ext>
            </a:extLst>
          </p:cNvPr>
          <p:cNvSpPr/>
          <p:nvPr/>
        </p:nvSpPr>
        <p:spPr>
          <a:xfrm>
            <a:off x="5783956" y="2192860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</p:spTree>
    <p:extLst>
      <p:ext uri="{BB962C8B-B14F-4D97-AF65-F5344CB8AC3E}">
        <p14:creationId xmlns:p14="http://schemas.microsoft.com/office/powerpoint/2010/main" val="32775561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02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02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18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Wireless Sub-GHz Sensors &amp; Actuators</a:t>
            </a:r>
          </a:p>
        </p:txBody>
      </p:sp>
      <p:pic>
        <p:nvPicPr>
          <p:cNvPr id="9" name="Picture 8" descr="A screenshot of a cell phone&#10;&#10;Description automatically generated">
            <a:extLst>
              <a:ext uri="{FF2B5EF4-FFF2-40B4-BE49-F238E27FC236}">
                <a16:creationId xmlns:a16="http://schemas.microsoft.com/office/drawing/2014/main" id="{17B37A4A-4E18-144E-A511-428583E91508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6424" y="822817"/>
            <a:ext cx="7031151" cy="3884649"/>
          </a:xfrm>
          <a:prstGeom prst="rect">
            <a:avLst/>
          </a:prstGeom>
        </p:spPr>
      </p:pic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249825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Wireless Sub-GHz Sensors &amp; Actuat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4" name="Picture 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7C518171-2BB3-D248-891D-04C2EE932C4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2026" y="792429"/>
            <a:ext cx="7204105" cy="3980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13643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863379-1944-FF49-86E3-19B944B071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x-none" sz="3200" dirty="0"/>
              <a:t>What we do?</a:t>
            </a:r>
          </a:p>
        </p:txBody>
      </p:sp>
      <p:pic>
        <p:nvPicPr>
          <p:cNvPr id="5" name="Picture 4" descr="Graphical user interface, text, application, chat or text message&#10;&#10;Description automatically generated">
            <a:extLst>
              <a:ext uri="{FF2B5EF4-FFF2-40B4-BE49-F238E27FC236}">
                <a16:creationId xmlns:a16="http://schemas.microsoft.com/office/drawing/2014/main" id="{F20D7916-43D4-2F4E-A02A-0AAC695A330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3380" y="628650"/>
            <a:ext cx="8439007" cy="1943099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4E3357C-1337-9F4B-BC24-9857D4342E5B}"/>
              </a:ext>
            </a:extLst>
          </p:cNvPr>
          <p:cNvSpPr txBox="1"/>
          <p:nvPr/>
        </p:nvSpPr>
        <p:spPr>
          <a:xfrm>
            <a:off x="0" y="2638693"/>
            <a:ext cx="9143999" cy="1477328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x-none" sz="3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We design &amp; manufacture </a:t>
            </a:r>
          </a:p>
          <a:p>
            <a:pPr algn="ctr"/>
            <a:r>
              <a:rPr lang="x-none" sz="3000" dirty="0">
                <a:solidFill>
                  <a:srgbClr val="FF0000"/>
                </a:solidFill>
              </a:rPr>
              <a:t>Smart Wireless </a:t>
            </a:r>
            <a:r>
              <a:rPr lang="x-none" sz="3000">
                <a:solidFill>
                  <a:srgbClr val="FF0000"/>
                </a:solidFill>
              </a:rPr>
              <a:t>IoT Sensors</a:t>
            </a:r>
            <a:r>
              <a:rPr lang="en-US" sz="3000">
                <a:solidFill>
                  <a:srgbClr val="FF0000"/>
                </a:solidFill>
              </a:rPr>
              <a:t>, IoT gateway, IoT solutions </a:t>
            </a:r>
          </a:p>
          <a:p>
            <a:pPr algn="ctr"/>
            <a:r>
              <a:rPr lang="x-none" sz="3000">
                <a:solidFill>
                  <a:schemeClr val="tx1">
                    <a:lumMod val="75000"/>
                    <a:lumOff val="25000"/>
                  </a:schemeClr>
                </a:solidFill>
              </a:rPr>
              <a:t>for </a:t>
            </a:r>
            <a:r>
              <a:rPr lang="x-none" sz="3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different vertical </a:t>
            </a:r>
            <a:r>
              <a:rPr lang="x-none" sz="3000" dirty="0">
                <a:solidFill>
                  <a:srgbClr val="3FC8F4"/>
                </a:solidFill>
              </a:rPr>
              <a:t>applications</a:t>
            </a:r>
          </a:p>
        </p:txBody>
      </p:sp>
      <p:sp>
        <p:nvSpPr>
          <p:cNvPr id="7" name="Curved Right Arrow 6">
            <a:extLst>
              <a:ext uri="{FF2B5EF4-FFF2-40B4-BE49-F238E27FC236}">
                <a16:creationId xmlns:a16="http://schemas.microsoft.com/office/drawing/2014/main" id="{042AAE65-7C7C-CD47-B641-D4CDB9193C1B}"/>
              </a:ext>
            </a:extLst>
          </p:cNvPr>
          <p:cNvSpPr/>
          <p:nvPr/>
        </p:nvSpPr>
        <p:spPr>
          <a:xfrm rot="20147181" flipV="1">
            <a:off x="46363" y="2315280"/>
            <a:ext cx="1532982" cy="2216487"/>
          </a:xfrm>
          <a:prstGeom prst="curvedRightArrow">
            <a:avLst/>
          </a:prstGeom>
          <a:solidFill>
            <a:srgbClr val="F37043">
              <a:alpha val="21000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 dirty="0">
              <a:solidFill>
                <a:schemeClr val="tx1"/>
              </a:solidFill>
            </a:endParaRPr>
          </a:p>
        </p:txBody>
      </p:sp>
      <p:sp>
        <p:nvSpPr>
          <p:cNvPr id="8" name="Curved Right Arrow 7">
            <a:extLst>
              <a:ext uri="{FF2B5EF4-FFF2-40B4-BE49-F238E27FC236}">
                <a16:creationId xmlns:a16="http://schemas.microsoft.com/office/drawing/2014/main" id="{DE27E820-A3D7-5B45-AD64-012482D67CD6}"/>
              </a:ext>
            </a:extLst>
          </p:cNvPr>
          <p:cNvSpPr/>
          <p:nvPr/>
        </p:nvSpPr>
        <p:spPr>
          <a:xfrm rot="1103192" flipH="1" flipV="1">
            <a:off x="7526030" y="2167132"/>
            <a:ext cx="1520980" cy="3021630"/>
          </a:xfrm>
          <a:prstGeom prst="curvedRightArrow">
            <a:avLst/>
          </a:prstGeom>
          <a:solidFill>
            <a:srgbClr val="3FC8F4">
              <a:alpha val="34000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 dirty="0">
              <a:solidFill>
                <a:schemeClr val="tx1"/>
              </a:solidFill>
            </a:endParaRPr>
          </a:p>
        </p:txBody>
      </p:sp>
      <p:sp>
        <p:nvSpPr>
          <p:cNvPr id="10" name="Footer Placeholder 5">
            <a:extLst>
              <a:ext uri="{FF2B5EF4-FFF2-40B4-BE49-F238E27FC236}">
                <a16:creationId xmlns:a16="http://schemas.microsoft.com/office/drawing/2014/main" id="{CF7C2781-7997-DD45-A341-1B8FF5B87848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317692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Wireless Sub-GHz Sensors &amp; Actuat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5" name="Picture 4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74E7E5DD-4BE4-794C-8F76-6E6CF8E4A83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8233" y="682761"/>
            <a:ext cx="7332062" cy="4060333"/>
          </a:xfrm>
          <a:prstGeom prst="rect">
            <a:avLst/>
          </a:prstGeom>
        </p:spPr>
      </p:pic>
      <p:sp>
        <p:nvSpPr>
          <p:cNvPr id="9" name="TextBox 8">
            <a:hlinkClick r:id="rId4"/>
            <a:extLst>
              <a:ext uri="{FF2B5EF4-FFF2-40B4-BE49-F238E27FC236}">
                <a16:creationId xmlns:a16="http://schemas.microsoft.com/office/drawing/2014/main" id="{7E9FAF6D-77F5-314A-A65A-A150B2F0FD4C}"/>
              </a:ext>
            </a:extLst>
          </p:cNvPr>
          <p:cNvSpPr txBox="1"/>
          <p:nvPr/>
        </p:nvSpPr>
        <p:spPr>
          <a:xfrm>
            <a:off x="7590295" y="2858212"/>
            <a:ext cx="1553705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u="sng" dirty="0">
                <a:solidFill>
                  <a:srgbClr val="F37043"/>
                </a:solidFill>
              </a:rPr>
              <a:t>Click </a:t>
            </a:r>
          </a:p>
          <a:p>
            <a:r>
              <a:rPr lang="en-US" sz="2400" i="1" u="sng" dirty="0">
                <a:solidFill>
                  <a:srgbClr val="F37043"/>
                </a:solidFill>
              </a:rPr>
              <a:t>here </a:t>
            </a:r>
          </a:p>
          <a:p>
            <a:r>
              <a:rPr lang="en-US" sz="2400" i="1" u="sng" dirty="0">
                <a:solidFill>
                  <a:srgbClr val="F37043"/>
                </a:solidFill>
              </a:rPr>
              <a:t>for</a:t>
            </a:r>
          </a:p>
          <a:p>
            <a:r>
              <a:rPr lang="en-US" sz="2400" i="1" u="sng" dirty="0">
                <a:solidFill>
                  <a:srgbClr val="F37043"/>
                </a:solidFill>
              </a:rPr>
              <a:t>M</a:t>
            </a:r>
            <a:r>
              <a:rPr lang="x-none" sz="2400" i="1" u="sng">
                <a:solidFill>
                  <a:srgbClr val="F37043"/>
                </a:solidFill>
              </a:rPr>
              <a:t>ore</a:t>
            </a:r>
            <a:endParaRPr lang="en-US" sz="2400" i="1" u="sng" dirty="0">
              <a:solidFill>
                <a:srgbClr val="F37043"/>
              </a:solidFill>
            </a:endParaRPr>
          </a:p>
          <a:p>
            <a:r>
              <a:rPr lang="en-US" sz="2400" i="1" u="sng" dirty="0">
                <a:solidFill>
                  <a:srgbClr val="F37043"/>
                </a:solidFill>
              </a:rPr>
              <a:t>info</a:t>
            </a:r>
          </a:p>
        </p:txBody>
      </p:sp>
    </p:spTree>
    <p:extLst>
      <p:ext uri="{BB962C8B-B14F-4D97-AF65-F5344CB8AC3E}">
        <p14:creationId xmlns:p14="http://schemas.microsoft.com/office/powerpoint/2010/main" val="421181278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LoRaWAN Sens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7BE652-C125-2343-A70F-3DFC98E449E7}"/>
              </a:ext>
            </a:extLst>
          </p:cNvPr>
          <p:cNvSpPr txBox="1"/>
          <p:nvPr/>
        </p:nvSpPr>
        <p:spPr>
          <a:xfrm>
            <a:off x="508239" y="740431"/>
            <a:ext cx="4218276" cy="40857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800" b="1" dirty="0">
                <a:solidFill>
                  <a:srgbClr val="F37043"/>
                </a:solidFill>
              </a:rPr>
              <a:t>Daviteq LoRaWAN Sensors</a:t>
            </a:r>
          </a:p>
          <a:p>
            <a:pPr marL="285750" indent="-285750">
              <a:buFont typeface="Wingdings" pitchFamily="2" charset="2"/>
              <a:buChar char="ü"/>
            </a:pP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Very Long Distance communication</a:t>
            </a:r>
            <a:br>
              <a:rPr lang="x-none" dirty="0"/>
            </a:br>
            <a:r>
              <a:rPr lang="x-none" sz="1200" dirty="0"/>
              <a:t>2-3 kms in urban or go through 8 floors</a:t>
            </a:r>
            <a:br>
              <a:rPr lang="x-none" dirty="0"/>
            </a:br>
            <a:endParaRPr lang="x-none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Up to 10-year Battery life</a:t>
            </a:r>
            <a:br>
              <a:rPr lang="x-none" sz="1800" dirty="0"/>
            </a:br>
            <a:r>
              <a:rPr lang="x-none" sz="1200" dirty="0"/>
              <a:t>by popular AA battery Alkaline or Lithium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Strong functions</a:t>
            </a:r>
            <a:br>
              <a:rPr lang="x-none" sz="1800" dirty="0"/>
            </a:br>
            <a:r>
              <a:rPr lang="x-none" sz="1200" dirty="0"/>
              <a:t>For Alarm processing, counting…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CE/RED/FCC Compliance Ready</a:t>
            </a:r>
            <a:br>
              <a:rPr lang="x-none" sz="1800" dirty="0"/>
            </a:br>
            <a:r>
              <a:rPr lang="x-none" sz="1200" dirty="0"/>
              <a:t>to be certified soon</a:t>
            </a:r>
            <a:br>
              <a:rPr lang="x-none" sz="1200" dirty="0"/>
            </a:br>
            <a:endParaRPr lang="x-none" sz="12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Many kinds of Sensors and I/O</a:t>
            </a:r>
            <a:br>
              <a:rPr lang="x-none" sz="1200" dirty="0"/>
            </a:br>
            <a:r>
              <a:rPr lang="x-none" sz="1200" dirty="0"/>
              <a:t>Temperature, humidity, pressure, level, analog, digital, ambient ligth, vibration, gas sensor, liquid sensor…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C40DE5C1-7CBF-C94F-9EBB-7DF7A3143C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62646" y="746932"/>
            <a:ext cx="4063761" cy="40637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9797305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LoRaWAN Sensors – Easy of Use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6146" name="Picture 2">
            <a:extLst>
              <a:ext uri="{FF2B5EF4-FFF2-40B4-BE49-F238E27FC236}">
                <a16:creationId xmlns:a16="http://schemas.microsoft.com/office/drawing/2014/main" id="{C2F9F604-A8C0-874E-BFAC-44CBB936EF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083680" y="699590"/>
            <a:ext cx="2123802" cy="21238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8" name="Picture 4">
            <a:extLst>
              <a:ext uri="{FF2B5EF4-FFF2-40B4-BE49-F238E27FC236}">
                <a16:creationId xmlns:a16="http://schemas.microsoft.com/office/drawing/2014/main" id="{600CFB7D-F201-B94A-A21B-CCA1BE1527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31892" y="780961"/>
            <a:ext cx="1961059" cy="19610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0" name="Picture 6">
            <a:extLst>
              <a:ext uri="{FF2B5EF4-FFF2-40B4-BE49-F238E27FC236}">
                <a16:creationId xmlns:a16="http://schemas.microsoft.com/office/drawing/2014/main" id="{81840021-7E88-7348-97E9-B684324251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310329" y="2778812"/>
            <a:ext cx="2568994" cy="1798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52" name="Picture 8">
            <a:extLst>
              <a:ext uri="{FF2B5EF4-FFF2-40B4-BE49-F238E27FC236}">
                <a16:creationId xmlns:a16="http://schemas.microsoft.com/office/drawing/2014/main" id="{C5864EFF-5C64-3B47-BE46-7DDE05DF3A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295798" y="2682081"/>
            <a:ext cx="2123802" cy="21238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7DC6208-24E4-1147-865A-E7F8A154D6DB}"/>
              </a:ext>
            </a:extLst>
          </p:cNvPr>
          <p:cNvSpPr txBox="1"/>
          <p:nvPr/>
        </p:nvSpPr>
        <p:spPr>
          <a:xfrm>
            <a:off x="444461" y="2815605"/>
            <a:ext cx="993151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Open 2 screws by Allen ke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63BAD76-F531-D742-9CA8-27D58C3A2E05}"/>
              </a:ext>
            </a:extLst>
          </p:cNvPr>
          <p:cNvSpPr txBox="1"/>
          <p:nvPr/>
        </p:nvSpPr>
        <p:spPr>
          <a:xfrm>
            <a:off x="2483904" y="1874905"/>
            <a:ext cx="1514517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3FC8F4"/>
                </a:solidFill>
              </a:rPr>
              <a:t>Configuration by Offline cable with free softwar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B8EC1BC-8496-D149-A2B3-0D9184D80367}"/>
              </a:ext>
            </a:extLst>
          </p:cNvPr>
          <p:cNvSpPr txBox="1"/>
          <p:nvPr/>
        </p:nvSpPr>
        <p:spPr>
          <a:xfrm>
            <a:off x="4889241" y="2894331"/>
            <a:ext cx="1123481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Insert 02 x AA batteries 1.5V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E21200E-F18C-4B44-AAC9-FBCBCD4E0A92}"/>
              </a:ext>
            </a:extLst>
          </p:cNvPr>
          <p:cNvSpPr txBox="1"/>
          <p:nvPr/>
        </p:nvSpPr>
        <p:spPr>
          <a:xfrm>
            <a:off x="6999739" y="1966500"/>
            <a:ext cx="1660442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3FC8F4"/>
                </a:solidFill>
              </a:rPr>
              <a:t>Manually triggering data sending by Magnetic key</a:t>
            </a:r>
          </a:p>
        </p:txBody>
      </p:sp>
      <p:sp>
        <p:nvSpPr>
          <p:cNvPr id="4" name="Right Arrow 3">
            <a:extLst>
              <a:ext uri="{FF2B5EF4-FFF2-40B4-BE49-F238E27FC236}">
                <a16:creationId xmlns:a16="http://schemas.microsoft.com/office/drawing/2014/main" id="{8B82AC40-F844-0C40-9C27-D472562227ED}"/>
              </a:ext>
            </a:extLst>
          </p:cNvPr>
          <p:cNvSpPr/>
          <p:nvPr/>
        </p:nvSpPr>
        <p:spPr>
          <a:xfrm rot="2119869">
            <a:off x="1556970" y="2571446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281AF0C4-88E4-9342-81ED-DD4C206C143C}"/>
              </a:ext>
            </a:extLst>
          </p:cNvPr>
          <p:cNvSpPr/>
          <p:nvPr/>
        </p:nvSpPr>
        <p:spPr>
          <a:xfrm rot="2119869">
            <a:off x="5950994" y="2425071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9" name="Right Arrow 18">
            <a:extLst>
              <a:ext uri="{FF2B5EF4-FFF2-40B4-BE49-F238E27FC236}">
                <a16:creationId xmlns:a16="http://schemas.microsoft.com/office/drawing/2014/main" id="{7E258005-C8AB-C946-979F-DF090BC71A36}"/>
              </a:ext>
            </a:extLst>
          </p:cNvPr>
          <p:cNvSpPr/>
          <p:nvPr/>
        </p:nvSpPr>
        <p:spPr>
          <a:xfrm rot="19437167">
            <a:off x="3957418" y="2477922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</p:spTree>
    <p:extLst>
      <p:ext uri="{BB962C8B-B14F-4D97-AF65-F5344CB8AC3E}">
        <p14:creationId xmlns:p14="http://schemas.microsoft.com/office/powerpoint/2010/main" val="268130203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LoRaWAN Sens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3A84D3FE-B916-114E-B155-BCCB21E3A879}"/>
              </a:ext>
            </a:extLst>
          </p:cNvPr>
          <p:cNvGrpSpPr/>
          <p:nvPr/>
        </p:nvGrpSpPr>
        <p:grpSpPr>
          <a:xfrm>
            <a:off x="273509" y="742950"/>
            <a:ext cx="8596982" cy="3502397"/>
            <a:chOff x="273509" y="742950"/>
            <a:chExt cx="8596982" cy="3502397"/>
          </a:xfrm>
        </p:grpSpPr>
        <p:pic>
          <p:nvPicPr>
            <p:cNvPr id="4" name="Picture 3" descr="A picture containing graphical user interface&#10;&#10;Description automatically generated">
              <a:extLst>
                <a:ext uri="{FF2B5EF4-FFF2-40B4-BE49-F238E27FC236}">
                  <a16:creationId xmlns:a16="http://schemas.microsoft.com/office/drawing/2014/main" id="{FA0961E0-38F1-8244-B427-DDB86936FD6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3509" y="742950"/>
              <a:ext cx="4298491" cy="3493931"/>
            </a:xfrm>
            <a:prstGeom prst="rect">
              <a:avLst/>
            </a:prstGeom>
          </p:spPr>
        </p:pic>
        <p:pic>
          <p:nvPicPr>
            <p:cNvPr id="7" name="Picture 6" descr="A picture containing graphical user interface&#10;&#10;Description automatically generated">
              <a:extLst>
                <a:ext uri="{FF2B5EF4-FFF2-40B4-BE49-F238E27FC236}">
                  <a16:creationId xmlns:a16="http://schemas.microsoft.com/office/drawing/2014/main" id="{C7770808-158E-3C40-84A4-8691E540740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35275" y="763430"/>
              <a:ext cx="4235216" cy="3481917"/>
            </a:xfrm>
            <a:prstGeom prst="rect">
              <a:avLst/>
            </a:prstGeom>
          </p:spPr>
        </p:pic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2E670055-8343-DC4E-8E18-649F2F3E89F9}"/>
              </a:ext>
            </a:extLst>
          </p:cNvPr>
          <p:cNvSpPr txBox="1"/>
          <p:nvPr/>
        </p:nvSpPr>
        <p:spPr>
          <a:xfrm>
            <a:off x="6011333" y="3739575"/>
            <a:ext cx="25061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i="1" dirty="0"/>
              <a:t>a</a:t>
            </a:r>
            <a:r>
              <a:rPr lang="x-none" sz="3200" i="1" dirty="0"/>
              <a:t>nd more ….</a:t>
            </a:r>
          </a:p>
        </p:txBody>
      </p:sp>
      <p:sp>
        <p:nvSpPr>
          <p:cNvPr id="14" name="TextBox 13">
            <a:hlinkClick r:id="rId5"/>
            <a:extLst>
              <a:ext uri="{FF2B5EF4-FFF2-40B4-BE49-F238E27FC236}">
                <a16:creationId xmlns:a16="http://schemas.microsoft.com/office/drawing/2014/main" id="{F8DFF69B-BEC8-8341-9319-EE7C5C862FEF}"/>
              </a:ext>
            </a:extLst>
          </p:cNvPr>
          <p:cNvSpPr txBox="1"/>
          <p:nvPr/>
        </p:nvSpPr>
        <p:spPr>
          <a:xfrm>
            <a:off x="273509" y="4347610"/>
            <a:ext cx="3517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>
                <a:solidFill>
                  <a:srgbClr val="F37043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lick here for </a:t>
            </a:r>
            <a:r>
              <a:rPr lang="x-none" sz="2400" i="1">
                <a:solidFill>
                  <a:srgbClr val="F37043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ore </a:t>
            </a:r>
            <a:r>
              <a:rPr lang="en-US" sz="2400" i="1" dirty="0">
                <a:solidFill>
                  <a:srgbClr val="F37043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</a:t>
            </a:r>
            <a:endParaRPr lang="x-none" sz="2400" i="1" dirty="0">
              <a:solidFill>
                <a:srgbClr val="F3704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0484093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Sigfox Sens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7BE652-C125-2343-A70F-3DFC98E449E7}"/>
              </a:ext>
            </a:extLst>
          </p:cNvPr>
          <p:cNvSpPr txBox="1"/>
          <p:nvPr/>
        </p:nvSpPr>
        <p:spPr>
          <a:xfrm>
            <a:off x="508239" y="740431"/>
            <a:ext cx="4218276" cy="40857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800" b="1" dirty="0">
                <a:solidFill>
                  <a:srgbClr val="F37043"/>
                </a:solidFill>
              </a:rPr>
              <a:t>Daviteq Sigfox Sensors</a:t>
            </a:r>
          </a:p>
          <a:p>
            <a:pPr marL="285750" indent="-285750">
              <a:buFont typeface="Wingdings" pitchFamily="2" charset="2"/>
              <a:buChar char="ü"/>
            </a:pP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Very-very Long Distance communication</a:t>
            </a:r>
            <a:br>
              <a:rPr lang="x-none" dirty="0"/>
            </a:br>
            <a:r>
              <a:rPr lang="x-none" sz="1200" dirty="0"/>
              <a:t>4-6 kms in urban or go through 12 floors</a:t>
            </a:r>
            <a:br>
              <a:rPr lang="x-none" dirty="0"/>
            </a:br>
            <a:endParaRPr lang="x-none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Up to 10-year Battery life</a:t>
            </a:r>
            <a:br>
              <a:rPr lang="x-none" sz="1800" dirty="0"/>
            </a:br>
            <a:r>
              <a:rPr lang="x-none" sz="1200" dirty="0"/>
              <a:t>by popular AA battery Alkaline or Lithium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Strong functions</a:t>
            </a:r>
            <a:br>
              <a:rPr lang="x-none" sz="1800" dirty="0"/>
            </a:br>
            <a:r>
              <a:rPr lang="x-none" sz="1200" dirty="0"/>
              <a:t>For Alarm processing, counting…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CE/RED/FCC Compliance Ready</a:t>
            </a:r>
            <a:br>
              <a:rPr lang="x-none" sz="1800" dirty="0"/>
            </a:br>
            <a:r>
              <a:rPr lang="x-none" sz="1200" dirty="0"/>
              <a:t>to be certified soon</a:t>
            </a:r>
            <a:br>
              <a:rPr lang="x-none" sz="1200" dirty="0"/>
            </a:br>
            <a:endParaRPr lang="x-none" sz="12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Many kinds of Sensors and I/O</a:t>
            </a:r>
            <a:br>
              <a:rPr lang="x-none" sz="1200" dirty="0"/>
            </a:br>
            <a:r>
              <a:rPr lang="x-none" sz="1200" dirty="0"/>
              <a:t>Temperature, humidity, pressure, level, analog, digital, ambient ligth, vibration, gas sensor, liquid sensor…</a:t>
            </a:r>
          </a:p>
        </p:txBody>
      </p:sp>
      <p:pic>
        <p:nvPicPr>
          <p:cNvPr id="8194" name="Picture 2">
            <a:extLst>
              <a:ext uri="{FF2B5EF4-FFF2-40B4-BE49-F238E27FC236}">
                <a16:creationId xmlns:a16="http://schemas.microsoft.com/office/drawing/2014/main" id="{388BFC7D-B488-D44B-9693-84390AE43A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47928" y="836699"/>
            <a:ext cx="3893198" cy="38931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0949930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42998" y="2766860"/>
            <a:ext cx="2189991" cy="218999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2949" y="2747954"/>
            <a:ext cx="2761721" cy="19332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6131" y="700209"/>
            <a:ext cx="1764308" cy="176430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1246" y="737631"/>
            <a:ext cx="1790208" cy="179020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Sigfox Sensors – Easy of Use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7DC6208-24E4-1147-865A-E7F8A154D6DB}"/>
              </a:ext>
            </a:extLst>
          </p:cNvPr>
          <p:cNvSpPr txBox="1"/>
          <p:nvPr/>
        </p:nvSpPr>
        <p:spPr>
          <a:xfrm>
            <a:off x="444461" y="2815605"/>
            <a:ext cx="993151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Open 2 screws by Allen ke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63BAD76-F531-D742-9CA8-27D58C3A2E05}"/>
              </a:ext>
            </a:extLst>
          </p:cNvPr>
          <p:cNvSpPr txBox="1"/>
          <p:nvPr/>
        </p:nvSpPr>
        <p:spPr>
          <a:xfrm>
            <a:off x="2483904" y="1874905"/>
            <a:ext cx="1514517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3FC8F4"/>
                </a:solidFill>
              </a:rPr>
              <a:t>Configuration by Offline cable with free softwar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B8EC1BC-8496-D149-A2B3-0D9184D80367}"/>
              </a:ext>
            </a:extLst>
          </p:cNvPr>
          <p:cNvSpPr txBox="1"/>
          <p:nvPr/>
        </p:nvSpPr>
        <p:spPr>
          <a:xfrm>
            <a:off x="4889241" y="2894331"/>
            <a:ext cx="1123481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Insert 02 x AA batteries 1.5V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E21200E-F18C-4B44-AAC9-FBCBCD4E0A92}"/>
              </a:ext>
            </a:extLst>
          </p:cNvPr>
          <p:cNvSpPr txBox="1"/>
          <p:nvPr/>
        </p:nvSpPr>
        <p:spPr>
          <a:xfrm>
            <a:off x="6999739" y="1966500"/>
            <a:ext cx="1660442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3FC8F4"/>
                </a:solidFill>
              </a:rPr>
              <a:t>Manually triggering data sending by Magnetic key</a:t>
            </a:r>
          </a:p>
        </p:txBody>
      </p:sp>
      <p:sp>
        <p:nvSpPr>
          <p:cNvPr id="4" name="Right Arrow 3">
            <a:extLst>
              <a:ext uri="{FF2B5EF4-FFF2-40B4-BE49-F238E27FC236}">
                <a16:creationId xmlns:a16="http://schemas.microsoft.com/office/drawing/2014/main" id="{8B82AC40-F844-0C40-9C27-D472562227ED}"/>
              </a:ext>
            </a:extLst>
          </p:cNvPr>
          <p:cNvSpPr/>
          <p:nvPr/>
        </p:nvSpPr>
        <p:spPr>
          <a:xfrm rot="2119869">
            <a:off x="1556970" y="2571446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281AF0C4-88E4-9342-81ED-DD4C206C143C}"/>
              </a:ext>
            </a:extLst>
          </p:cNvPr>
          <p:cNvSpPr/>
          <p:nvPr/>
        </p:nvSpPr>
        <p:spPr>
          <a:xfrm rot="2119869">
            <a:off x="5950994" y="2425071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9" name="Right Arrow 18">
            <a:extLst>
              <a:ext uri="{FF2B5EF4-FFF2-40B4-BE49-F238E27FC236}">
                <a16:creationId xmlns:a16="http://schemas.microsoft.com/office/drawing/2014/main" id="{7E258005-C8AB-C946-979F-DF090BC71A36}"/>
              </a:ext>
            </a:extLst>
          </p:cNvPr>
          <p:cNvSpPr/>
          <p:nvPr/>
        </p:nvSpPr>
        <p:spPr>
          <a:xfrm rot="19437167">
            <a:off x="3957418" y="2477922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</p:spTree>
    <p:extLst>
      <p:ext uri="{BB962C8B-B14F-4D97-AF65-F5344CB8AC3E}">
        <p14:creationId xmlns:p14="http://schemas.microsoft.com/office/powerpoint/2010/main" val="27374034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Sigfox Sensors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5D646C32-AD82-054F-A385-3899AE4E034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1307" y="727899"/>
            <a:ext cx="5038826" cy="4101827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6FF2AFFF-74A5-D547-950C-DF9EF435872C}"/>
              </a:ext>
            </a:extLst>
          </p:cNvPr>
          <p:cNvSpPr txBox="1"/>
          <p:nvPr/>
        </p:nvSpPr>
        <p:spPr>
          <a:xfrm>
            <a:off x="5300133" y="628651"/>
            <a:ext cx="25061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i="1" dirty="0"/>
              <a:t>a</a:t>
            </a:r>
            <a:r>
              <a:rPr lang="x-none" sz="3200" i="1" dirty="0"/>
              <a:t>nd more ….</a:t>
            </a:r>
          </a:p>
        </p:txBody>
      </p:sp>
      <p:sp>
        <p:nvSpPr>
          <p:cNvPr id="8" name="TextBox 7">
            <a:hlinkClick r:id="rId4"/>
            <a:extLst>
              <a:ext uri="{FF2B5EF4-FFF2-40B4-BE49-F238E27FC236}">
                <a16:creationId xmlns:a16="http://schemas.microsoft.com/office/drawing/2014/main" id="{1FCDEA1C-FDDF-4E49-8C4B-AAE3DA15ED9A}"/>
              </a:ext>
            </a:extLst>
          </p:cNvPr>
          <p:cNvSpPr txBox="1"/>
          <p:nvPr/>
        </p:nvSpPr>
        <p:spPr>
          <a:xfrm>
            <a:off x="5300133" y="4354960"/>
            <a:ext cx="3106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lick here for </a:t>
            </a:r>
            <a:r>
              <a:rPr lang="x-none" sz="2400" i="1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ore </a:t>
            </a:r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</a:t>
            </a:r>
            <a:endParaRPr lang="x-none" sz="2400" i="1" dirty="0">
              <a:solidFill>
                <a:srgbClr val="F3704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40690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Fuel Sensors &amp; Fuel Monitoring</a:t>
            </a:r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4" name="Picture 3" descr="Graphical user interface&#10;&#10;Description automatically generated">
            <a:extLst>
              <a:ext uri="{FF2B5EF4-FFF2-40B4-BE49-F238E27FC236}">
                <a16:creationId xmlns:a16="http://schemas.microsoft.com/office/drawing/2014/main" id="{C98042A5-B2BF-6C48-9559-B3DCDB0BEC20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09684" y="807959"/>
            <a:ext cx="4914819" cy="40259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9557FC6-6002-3646-AE0D-7CE4B545A48B}"/>
              </a:ext>
            </a:extLst>
          </p:cNvPr>
          <p:cNvSpPr txBox="1"/>
          <p:nvPr/>
        </p:nvSpPr>
        <p:spPr>
          <a:xfrm>
            <a:off x="508239" y="740431"/>
            <a:ext cx="3307981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800" b="1" dirty="0">
                <a:solidFill>
                  <a:srgbClr val="F37043"/>
                </a:solidFill>
              </a:rPr>
              <a:t>Daviteq Fuel Level Sensors</a:t>
            </a:r>
          </a:p>
          <a:p>
            <a:pPr marL="285750" indent="-285750">
              <a:buFont typeface="Wingdings" pitchFamily="2" charset="2"/>
              <a:buChar char="ü"/>
            </a:pP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More than 50.000 sensors produced</a:t>
            </a:r>
            <a:br>
              <a:rPr lang="x-none" sz="1600" dirty="0"/>
            </a:br>
            <a:endParaRPr lang="x-none" sz="16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Robust  mechanical design</a:t>
            </a:r>
            <a:br>
              <a:rPr lang="x-none" sz="1600" dirty="0"/>
            </a:br>
            <a:endParaRPr lang="x-none" sz="16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High stable measurement</a:t>
            </a:r>
            <a:br>
              <a:rPr lang="x-none" sz="1600" dirty="0"/>
            </a:br>
            <a:endParaRPr lang="x-none" sz="16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Smart Firmware allows Auto-Calibration</a:t>
            </a:r>
            <a:br>
              <a:rPr lang="x-none" sz="1600" dirty="0"/>
            </a:br>
            <a:endParaRPr lang="x-none" sz="16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Multiple output: 1-5VDC, RS232, 4-20mA, RS485…</a:t>
            </a:r>
            <a:br>
              <a:rPr lang="x-none" sz="1600" dirty="0"/>
            </a:br>
            <a:endParaRPr lang="x-none" sz="16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600" dirty="0"/>
              <a:t>CE Mark</a:t>
            </a:r>
          </a:p>
        </p:txBody>
      </p:sp>
      <p:sp>
        <p:nvSpPr>
          <p:cNvPr id="8" name="TextBox 7">
            <a:hlinkClick r:id="rId4"/>
            <a:extLst>
              <a:ext uri="{FF2B5EF4-FFF2-40B4-BE49-F238E27FC236}">
                <a16:creationId xmlns:a16="http://schemas.microsoft.com/office/drawing/2014/main" id="{47F8B449-D5EA-3548-AD11-FE4464C6FDB6}"/>
              </a:ext>
            </a:extLst>
          </p:cNvPr>
          <p:cNvSpPr txBox="1"/>
          <p:nvPr/>
        </p:nvSpPr>
        <p:spPr>
          <a:xfrm>
            <a:off x="5717754" y="4304666"/>
            <a:ext cx="3106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lick here for </a:t>
            </a:r>
            <a:r>
              <a:rPr lang="x-none" sz="2400" i="1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ore </a:t>
            </a:r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</a:t>
            </a:r>
            <a:endParaRPr lang="x-none" sz="2400" i="1" dirty="0">
              <a:solidFill>
                <a:srgbClr val="F3704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516595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IoT Products</a:t>
            </a:r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5" name="Picture 4" descr="Graphical user interface&#10;&#10;Description automatically generated">
            <a:extLst>
              <a:ext uri="{FF2B5EF4-FFF2-40B4-BE49-F238E27FC236}">
                <a16:creationId xmlns:a16="http://schemas.microsoft.com/office/drawing/2014/main" id="{E56C3CF8-427D-F14A-8E92-5108F387225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6205" y="803602"/>
            <a:ext cx="7078133" cy="394145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AE8BF10-E320-E545-8C06-09808AC3F7E0}"/>
              </a:ext>
            </a:extLst>
          </p:cNvPr>
          <p:cNvSpPr txBox="1"/>
          <p:nvPr/>
        </p:nvSpPr>
        <p:spPr>
          <a:xfrm>
            <a:off x="7520819" y="628651"/>
            <a:ext cx="119397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i="1" dirty="0"/>
              <a:t>a</a:t>
            </a:r>
            <a:r>
              <a:rPr lang="x-none" sz="3200" i="1" dirty="0"/>
              <a:t>nd more ….</a:t>
            </a:r>
          </a:p>
        </p:txBody>
      </p:sp>
      <p:sp>
        <p:nvSpPr>
          <p:cNvPr id="8" name="TextBox 7">
            <a:hlinkClick r:id="rId4"/>
            <a:extLst>
              <a:ext uri="{FF2B5EF4-FFF2-40B4-BE49-F238E27FC236}">
                <a16:creationId xmlns:a16="http://schemas.microsoft.com/office/drawing/2014/main" id="{5CF7933B-1D4B-1446-931F-DEC82588C685}"/>
              </a:ext>
            </a:extLst>
          </p:cNvPr>
          <p:cNvSpPr txBox="1"/>
          <p:nvPr/>
        </p:nvSpPr>
        <p:spPr>
          <a:xfrm>
            <a:off x="7459957" y="3175392"/>
            <a:ext cx="119397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lick here for </a:t>
            </a:r>
            <a:r>
              <a:rPr lang="x-none" sz="2400" i="1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more </a:t>
            </a:r>
            <a:r>
              <a:rPr lang="en-US" sz="2400" i="1" dirty="0">
                <a:solidFill>
                  <a:srgbClr val="F37043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</a:t>
            </a:r>
            <a:endParaRPr lang="x-none" sz="2400" i="1" dirty="0">
              <a:solidFill>
                <a:srgbClr val="F3704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4529801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IoT Products – Smart IoT Gateway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A7BE652-C125-2343-A70F-3DFC98E449E7}"/>
              </a:ext>
            </a:extLst>
          </p:cNvPr>
          <p:cNvSpPr txBox="1"/>
          <p:nvPr/>
        </p:nvSpPr>
        <p:spPr>
          <a:xfrm>
            <a:off x="508239" y="740431"/>
            <a:ext cx="4726234" cy="41780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800" b="1" dirty="0">
                <a:solidFill>
                  <a:srgbClr val="F37043"/>
                </a:solidFill>
              </a:rPr>
              <a:t>Daviteq Smart IoT Gateways</a:t>
            </a:r>
          </a:p>
          <a:p>
            <a:pPr marL="285750" indent="-285750">
              <a:buFont typeface="Wingdings" pitchFamily="2" charset="2"/>
              <a:buChar char="ü"/>
            </a:pP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Robust Industrial Design IP67/68</a:t>
            </a:r>
            <a:br>
              <a:rPr lang="x-none" dirty="0"/>
            </a:br>
            <a:r>
              <a:rPr lang="x-none" sz="1200" dirty="0"/>
              <a:t>for outdoor hash environment</a:t>
            </a:r>
            <a:br>
              <a:rPr lang="x-none" dirty="0"/>
            </a:br>
            <a:endParaRPr lang="x-none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Smart IoT Gateway</a:t>
            </a:r>
            <a:br>
              <a:rPr lang="x-none" sz="1800" dirty="0"/>
            </a:br>
            <a:r>
              <a:rPr lang="x-none" sz="1200" dirty="0"/>
              <a:t>3-in-1, Data logger + Logic Controller + Gateway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Remote Activation/Configuration</a:t>
            </a:r>
            <a:br>
              <a:rPr lang="x-none" sz="1800" dirty="0"/>
            </a:br>
            <a:r>
              <a:rPr lang="x-none" sz="1200" dirty="0"/>
              <a:t>via Globiots platform…</a:t>
            </a:r>
            <a:br>
              <a:rPr lang="x-none" sz="1800" dirty="0"/>
            </a:br>
            <a:endParaRPr lang="x-none" sz="18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CE/RED/FCC Compliance Ready</a:t>
            </a:r>
            <a:br>
              <a:rPr lang="x-none" sz="1800" dirty="0"/>
            </a:br>
            <a:r>
              <a:rPr lang="x-none" sz="1200" dirty="0"/>
              <a:t>to be certified soon</a:t>
            </a:r>
            <a:br>
              <a:rPr lang="x-none" sz="1200" dirty="0"/>
            </a:br>
            <a:endParaRPr lang="x-none" sz="1200" dirty="0"/>
          </a:p>
          <a:p>
            <a:pPr marL="285750" indent="-285750">
              <a:buFont typeface="Wingdings" pitchFamily="2" charset="2"/>
              <a:buChar char="ü"/>
            </a:pPr>
            <a:r>
              <a:rPr lang="x-none" sz="1800" dirty="0"/>
              <a:t>Support GPRS/3G/4G/NB-IoT/M1/WiFi/Ethernet</a:t>
            </a:r>
            <a:br>
              <a:rPr lang="x-none" sz="1200" dirty="0"/>
            </a:br>
            <a:r>
              <a:rPr lang="x-none" sz="1200" dirty="0"/>
              <a:t>to suite different applications</a:t>
            </a:r>
          </a:p>
        </p:txBody>
      </p:sp>
      <p:pic>
        <p:nvPicPr>
          <p:cNvPr id="11266" name="Picture 2">
            <a:extLst>
              <a:ext uri="{FF2B5EF4-FFF2-40B4-BE49-F238E27FC236}">
                <a16:creationId xmlns:a16="http://schemas.microsoft.com/office/drawing/2014/main" id="{DD3457CD-7A5E-4742-B62F-FBFA1BD761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33932" y="818217"/>
            <a:ext cx="3921190" cy="39211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59429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BFF53-85E0-EE49-9C24-0AB6AAADDC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/>
              <a:t>Figure Facts</a:t>
            </a:r>
            <a:endParaRPr lang="x-none" sz="32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8557A53-CEB3-B04A-B572-B504E21114E0}"/>
              </a:ext>
            </a:extLst>
          </p:cNvPr>
          <p:cNvSpPr txBox="1"/>
          <p:nvPr/>
        </p:nvSpPr>
        <p:spPr>
          <a:xfrm>
            <a:off x="6556443" y="3328482"/>
            <a:ext cx="2540000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150</a:t>
            </a:r>
          </a:p>
          <a:p>
            <a:r>
              <a:rPr lang="x-none" dirty="0"/>
              <a:t>Industrial Customers in Vietnam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223C3A8-3AFB-A24F-AB2E-0EA59A515DFB}"/>
              </a:ext>
            </a:extLst>
          </p:cNvPr>
          <p:cNvSpPr txBox="1"/>
          <p:nvPr/>
        </p:nvSpPr>
        <p:spPr>
          <a:xfrm>
            <a:off x="465666" y="3328484"/>
            <a:ext cx="2540000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20 </a:t>
            </a:r>
          </a:p>
          <a:p>
            <a:r>
              <a:rPr lang="x-none" dirty="0"/>
              <a:t>Solution Partners in Vietna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93CE1F3-7DE8-884C-8090-9744E222F838}"/>
              </a:ext>
            </a:extLst>
          </p:cNvPr>
          <p:cNvSpPr txBox="1"/>
          <p:nvPr/>
        </p:nvSpPr>
        <p:spPr>
          <a:xfrm>
            <a:off x="3416300" y="3328483"/>
            <a:ext cx="2904066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30 </a:t>
            </a:r>
          </a:p>
          <a:p>
            <a:r>
              <a:rPr lang="x-none" dirty="0"/>
              <a:t>Solution Partners in other countri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671756F-E6BA-3D4D-8935-39FCFB61906A}"/>
              </a:ext>
            </a:extLst>
          </p:cNvPr>
          <p:cNvSpPr txBox="1"/>
          <p:nvPr/>
        </p:nvSpPr>
        <p:spPr>
          <a:xfrm>
            <a:off x="6604000" y="2161738"/>
            <a:ext cx="2540000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50,000 </a:t>
            </a:r>
          </a:p>
          <a:p>
            <a:r>
              <a:rPr lang="x-none" dirty="0"/>
              <a:t>Products have </a:t>
            </a:r>
            <a:r>
              <a:rPr lang="x-none"/>
              <a:t>been </a:t>
            </a:r>
            <a:r>
              <a:rPr lang="en-US"/>
              <a:t>sold</a:t>
            </a:r>
            <a:endParaRPr lang="x-non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74FDFA3-30FD-1348-97E3-7289F0E83546}"/>
              </a:ext>
            </a:extLst>
          </p:cNvPr>
          <p:cNvSpPr txBox="1"/>
          <p:nvPr/>
        </p:nvSpPr>
        <p:spPr>
          <a:xfrm>
            <a:off x="3429000" y="878631"/>
            <a:ext cx="2904066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10 years </a:t>
            </a:r>
          </a:p>
          <a:p>
            <a:r>
              <a:rPr lang="en-US" dirty="0"/>
              <a:t>I</a:t>
            </a:r>
            <a:r>
              <a:rPr lang="x-none" dirty="0"/>
              <a:t>n developing and manufacturing Industrial Sensor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BA9849F-58C0-2046-8E33-DBDEB9A05789}"/>
              </a:ext>
            </a:extLst>
          </p:cNvPr>
          <p:cNvSpPr txBox="1"/>
          <p:nvPr/>
        </p:nvSpPr>
        <p:spPr>
          <a:xfrm>
            <a:off x="381004" y="899381"/>
            <a:ext cx="2341034" cy="11233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 dirty="0">
                <a:solidFill>
                  <a:srgbClr val="F37043"/>
                </a:solidFill>
              </a:rPr>
              <a:t>&gt; 16 years </a:t>
            </a:r>
          </a:p>
          <a:p>
            <a:r>
              <a:rPr lang="x-none" dirty="0"/>
              <a:t>Experiences in Process Instruments &amp; Control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6C8825D-EC47-494B-AEC4-0B1773A3B221}"/>
              </a:ext>
            </a:extLst>
          </p:cNvPr>
          <p:cNvSpPr txBox="1"/>
          <p:nvPr/>
        </p:nvSpPr>
        <p:spPr>
          <a:xfrm>
            <a:off x="6556443" y="897962"/>
            <a:ext cx="2354093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i="1">
                <a:solidFill>
                  <a:srgbClr val="F37043"/>
                </a:solidFill>
              </a:rPr>
              <a:t>&lt; 3</a:t>
            </a:r>
            <a:r>
              <a:rPr lang="x-none" sz="4000" b="1" i="1">
                <a:solidFill>
                  <a:srgbClr val="F37043"/>
                </a:solidFill>
              </a:rPr>
              <a:t> </a:t>
            </a:r>
            <a:r>
              <a:rPr lang="x-none" sz="4000" b="1" i="1" dirty="0">
                <a:solidFill>
                  <a:srgbClr val="F37043"/>
                </a:solidFill>
              </a:rPr>
              <a:t>weeks </a:t>
            </a:r>
          </a:p>
          <a:p>
            <a:r>
              <a:rPr lang="en-US" dirty="0"/>
              <a:t>To develop a new sensor</a:t>
            </a:r>
            <a:endParaRPr lang="x-none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671756F-E6BA-3D4D-8935-39FCFB61906A}"/>
              </a:ext>
            </a:extLst>
          </p:cNvPr>
          <p:cNvSpPr txBox="1"/>
          <p:nvPr/>
        </p:nvSpPr>
        <p:spPr>
          <a:xfrm>
            <a:off x="465665" y="2161737"/>
            <a:ext cx="2773645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>
                <a:solidFill>
                  <a:srgbClr val="F37043"/>
                </a:solidFill>
              </a:rPr>
              <a:t>&gt; </a:t>
            </a:r>
            <a:r>
              <a:rPr lang="en-US" sz="4000" b="1" i="1">
                <a:solidFill>
                  <a:srgbClr val="F37043"/>
                </a:solidFill>
              </a:rPr>
              <a:t>90</a:t>
            </a:r>
            <a:r>
              <a:rPr lang="x-none" sz="4000" b="1" i="1">
                <a:solidFill>
                  <a:srgbClr val="F37043"/>
                </a:solidFill>
              </a:rPr>
              <a:t> </a:t>
            </a:r>
            <a:endParaRPr lang="x-none" sz="4000" b="1" i="1" dirty="0">
              <a:solidFill>
                <a:srgbClr val="F37043"/>
              </a:solidFill>
            </a:endParaRPr>
          </a:p>
          <a:p>
            <a:r>
              <a:rPr lang="x-none"/>
              <a:t>Product</a:t>
            </a:r>
            <a:r>
              <a:rPr lang="en-US"/>
              <a:t> types</a:t>
            </a:r>
            <a:r>
              <a:rPr lang="x-none"/>
              <a:t> </a:t>
            </a:r>
            <a:r>
              <a:rPr lang="en-US"/>
              <a:t>have been developed</a:t>
            </a:r>
            <a:endParaRPr lang="x-non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671756F-E6BA-3D4D-8935-39FCFB61906A}"/>
              </a:ext>
            </a:extLst>
          </p:cNvPr>
          <p:cNvSpPr txBox="1"/>
          <p:nvPr/>
        </p:nvSpPr>
        <p:spPr>
          <a:xfrm>
            <a:off x="3534833" y="2150963"/>
            <a:ext cx="2540000" cy="9156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4000" b="1" i="1">
                <a:solidFill>
                  <a:srgbClr val="F37043"/>
                </a:solidFill>
              </a:rPr>
              <a:t>&gt; </a:t>
            </a:r>
            <a:r>
              <a:rPr lang="en-US" sz="4000" b="1" i="1">
                <a:solidFill>
                  <a:srgbClr val="F37043"/>
                </a:solidFill>
              </a:rPr>
              <a:t>30</a:t>
            </a:r>
            <a:r>
              <a:rPr lang="x-none" sz="4000" b="1" i="1">
                <a:solidFill>
                  <a:srgbClr val="F37043"/>
                </a:solidFill>
              </a:rPr>
              <a:t> </a:t>
            </a:r>
            <a:endParaRPr lang="x-none" sz="4000" b="1" i="1" dirty="0">
              <a:solidFill>
                <a:srgbClr val="F37043"/>
              </a:solidFill>
            </a:endParaRPr>
          </a:p>
          <a:p>
            <a:r>
              <a:rPr lang="en-US"/>
              <a:t>IoT solutions have been deployed</a:t>
            </a:r>
            <a:endParaRPr lang="x-none" dirty="0"/>
          </a:p>
        </p:txBody>
      </p:sp>
      <p:sp>
        <p:nvSpPr>
          <p:cNvPr id="15" name="Footer Placeholder 5">
            <a:extLst>
              <a:ext uri="{FF2B5EF4-FFF2-40B4-BE49-F238E27FC236}">
                <a16:creationId xmlns:a16="http://schemas.microsoft.com/office/drawing/2014/main" id="{CF7C2781-7997-DD45-A341-1B8FF5B87848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727199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316" name="Picture 4">
            <a:extLst>
              <a:ext uri="{FF2B5EF4-FFF2-40B4-BE49-F238E27FC236}">
                <a16:creationId xmlns:a16="http://schemas.microsoft.com/office/drawing/2014/main" id="{627346B5-1CD3-AB4A-8FC9-C2D2B33DFB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51757" y="1195430"/>
            <a:ext cx="1666037" cy="22510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 descr="Graphical user interface, website&#10;&#10;Description automatically generated">
            <a:extLst>
              <a:ext uri="{FF2B5EF4-FFF2-40B4-BE49-F238E27FC236}">
                <a16:creationId xmlns:a16="http://schemas.microsoft.com/office/drawing/2014/main" id="{5833B770-D925-B940-86B0-33526D4CBBB2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83956" y="1065748"/>
            <a:ext cx="2973786" cy="2571750"/>
          </a:xfrm>
          <a:prstGeom prst="rect">
            <a:avLst/>
          </a:prstGeom>
        </p:spPr>
      </p:pic>
      <p:pic>
        <p:nvPicPr>
          <p:cNvPr id="13314" name="Picture 2">
            <a:extLst>
              <a:ext uri="{FF2B5EF4-FFF2-40B4-BE49-F238E27FC236}">
                <a16:creationId xmlns:a16="http://schemas.microsoft.com/office/drawing/2014/main" id="{BC26361A-0E39-A44D-81CD-4B941F3F91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2596" y="853483"/>
            <a:ext cx="2967135" cy="29671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Smart IoT Gateway – Easy of Use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C2898171-184B-1F41-81F2-B2C83E390ACC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7DC6208-24E4-1147-865A-E7F8A154D6DB}"/>
              </a:ext>
            </a:extLst>
          </p:cNvPr>
          <p:cNvSpPr txBox="1"/>
          <p:nvPr/>
        </p:nvSpPr>
        <p:spPr>
          <a:xfrm>
            <a:off x="953539" y="3834622"/>
            <a:ext cx="130071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Offline configuration the Connectivity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63BAD76-F531-D742-9CA8-27D58C3A2E05}"/>
              </a:ext>
            </a:extLst>
          </p:cNvPr>
          <p:cNvSpPr txBox="1"/>
          <p:nvPr/>
        </p:nvSpPr>
        <p:spPr>
          <a:xfrm>
            <a:off x="3467265" y="3794421"/>
            <a:ext cx="190467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Log in Globiots portal for </a:t>
            </a:r>
            <a:br>
              <a:rPr lang="x-none" dirty="0">
                <a:solidFill>
                  <a:srgbClr val="F37043"/>
                </a:solidFill>
              </a:rPr>
            </a:br>
            <a:r>
              <a:rPr lang="x-none" dirty="0">
                <a:solidFill>
                  <a:srgbClr val="F37043"/>
                </a:solidFill>
              </a:rPr>
              <a:t>Activation</a:t>
            </a:r>
            <a:br>
              <a:rPr lang="x-none" dirty="0">
                <a:solidFill>
                  <a:srgbClr val="F37043"/>
                </a:solidFill>
              </a:rPr>
            </a:br>
            <a:r>
              <a:rPr lang="x-none" dirty="0">
                <a:solidFill>
                  <a:srgbClr val="F37043"/>
                </a:solidFill>
              </a:rPr>
              <a:t>Configuration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E21200E-F18C-4B44-AAC9-FBCBCD4E0A92}"/>
              </a:ext>
            </a:extLst>
          </p:cNvPr>
          <p:cNvSpPr txBox="1"/>
          <p:nvPr/>
        </p:nvSpPr>
        <p:spPr>
          <a:xfrm>
            <a:off x="6584949" y="3834622"/>
            <a:ext cx="1660442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x-none" dirty="0">
                <a:solidFill>
                  <a:srgbClr val="F37043"/>
                </a:solidFill>
              </a:rPr>
              <a:t>Configuration for Dashboard / Report and start to use!</a:t>
            </a:r>
          </a:p>
        </p:txBody>
      </p:sp>
      <p:sp>
        <p:nvSpPr>
          <p:cNvPr id="4" name="Right Arrow 3">
            <a:extLst>
              <a:ext uri="{FF2B5EF4-FFF2-40B4-BE49-F238E27FC236}">
                <a16:creationId xmlns:a16="http://schemas.microsoft.com/office/drawing/2014/main" id="{8B82AC40-F844-0C40-9C27-D472562227ED}"/>
              </a:ext>
            </a:extLst>
          </p:cNvPr>
          <p:cNvSpPr/>
          <p:nvPr/>
        </p:nvSpPr>
        <p:spPr>
          <a:xfrm>
            <a:off x="2639844" y="2687884"/>
            <a:ext cx="663911" cy="14419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281AF0C4-88E4-9342-81ED-DD4C206C143C}"/>
              </a:ext>
            </a:extLst>
          </p:cNvPr>
          <p:cNvSpPr/>
          <p:nvPr/>
        </p:nvSpPr>
        <p:spPr>
          <a:xfrm>
            <a:off x="5308308" y="2351623"/>
            <a:ext cx="356331" cy="142351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</p:spTree>
    <p:extLst>
      <p:ext uri="{BB962C8B-B14F-4D97-AF65-F5344CB8AC3E}">
        <p14:creationId xmlns:p14="http://schemas.microsoft.com/office/powerpoint/2010/main" val="370790647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IoT Products – Globiots Platform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78AAA30-6E37-A14D-91EB-D1A2CA77F698}"/>
              </a:ext>
            </a:extLst>
          </p:cNvPr>
          <p:cNvSpPr/>
          <p:nvPr/>
        </p:nvSpPr>
        <p:spPr>
          <a:xfrm>
            <a:off x="3564467" y="836239"/>
            <a:ext cx="5111750" cy="37856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14313" indent="-214313" algn="just" fontAlgn="base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  <a:latin typeface="inherit"/>
              </a:rPr>
              <a:t>Globiots is a Global Industrial Internet of Things Platform, developed by Daviteq since 2012, gained from 10-year experiences in Measurement &amp; Controls;</a:t>
            </a:r>
          </a:p>
          <a:p>
            <a:pPr marL="214313" indent="-214313" algn="just" fontAlgn="base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  <a:latin typeface="inherit"/>
              </a:rPr>
              <a:t>Globiots platform allows customers easily connect their machine, process &amp; people for Remote Management and Business Intelligent.</a:t>
            </a:r>
          </a:p>
          <a:p>
            <a:pPr marL="214313" indent="-214313" algn="just" fontAlgn="base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  <a:latin typeface="inherit"/>
              </a:rPr>
              <a:t>Globiots can be deployed and installed everywhere in the World. All Globiots clusters can be connected worldwide to form a distributed world-wide IoT system.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344307C-8951-F546-B5C1-548FD1BCAF2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6749" y="1110192"/>
            <a:ext cx="2732616" cy="2753881"/>
          </a:xfrm>
          <a:prstGeom prst="rect">
            <a:avLst/>
          </a:prstGeom>
        </p:spPr>
      </p:pic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9C52AE86-9AE0-304A-A246-F739752E7E1E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6362278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IoT Products – Globiots Platform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9C52AE86-9AE0-304A-A246-F739752E7E1E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BCFB1D9-3C1C-7148-B31F-B6558362521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45678" y="3632165"/>
            <a:ext cx="769036" cy="113115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30412442-5434-BB44-840D-5052C31A0BBA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674568" y="1916448"/>
            <a:ext cx="1059074" cy="1310604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05CF1E69-B055-454E-9F8E-0ACB40D52169}"/>
              </a:ext>
            </a:extLst>
          </p:cNvPr>
          <p:cNvSpPr txBox="1"/>
          <p:nvPr/>
        </p:nvSpPr>
        <p:spPr>
          <a:xfrm>
            <a:off x="6414626" y="1085010"/>
            <a:ext cx="15789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vi-VN" sz="1200" b="1" dirty="0">
                <a:solidFill>
                  <a:srgbClr val="F37043"/>
                </a:solidFill>
              </a:rPr>
              <a:t>Globiots system in On-premise Industrial Server</a:t>
            </a:r>
            <a:endParaRPr lang="en-US" sz="1200" dirty="0">
              <a:solidFill>
                <a:srgbClr val="F37043"/>
              </a:solidFill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07AC3BF2-2F78-E949-B536-F4A7BEA31F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0643" y="1746594"/>
            <a:ext cx="2862641" cy="1613838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C09E0B17-8FD1-C24A-8D75-73C1AEA3779A}"/>
              </a:ext>
            </a:extLst>
          </p:cNvPr>
          <p:cNvSpPr txBox="1"/>
          <p:nvPr/>
        </p:nvSpPr>
        <p:spPr>
          <a:xfrm>
            <a:off x="1121445" y="1351249"/>
            <a:ext cx="21325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vi-VN" sz="1200" b="1" dirty="0">
                <a:solidFill>
                  <a:srgbClr val="F37043"/>
                </a:solidFill>
              </a:rPr>
              <a:t>Globiots system on Cloud</a:t>
            </a:r>
            <a:endParaRPr lang="en-US" sz="1200" dirty="0">
              <a:solidFill>
                <a:srgbClr val="F37043"/>
              </a:solidFill>
            </a:endParaRP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644323F8-905F-5149-A8D4-E0FF5EBCCA78}"/>
              </a:ext>
            </a:extLst>
          </p:cNvPr>
          <p:cNvCxnSpPr>
            <a:cxnSpLocks/>
          </p:cNvCxnSpPr>
          <p:nvPr/>
        </p:nvCxnSpPr>
        <p:spPr>
          <a:xfrm flipV="1">
            <a:off x="5114714" y="3098902"/>
            <a:ext cx="1299912" cy="646108"/>
          </a:xfrm>
          <a:prstGeom prst="straightConnector1">
            <a:avLst/>
          </a:prstGeom>
          <a:ln>
            <a:solidFill>
              <a:srgbClr val="F37043"/>
            </a:solidFill>
            <a:prstDash val="dash"/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2A02A0B-0D6C-A44A-A93B-F5536C29C5CE}"/>
              </a:ext>
            </a:extLst>
          </p:cNvPr>
          <p:cNvCxnSpPr>
            <a:cxnSpLocks/>
          </p:cNvCxnSpPr>
          <p:nvPr/>
        </p:nvCxnSpPr>
        <p:spPr>
          <a:xfrm flipH="1" flipV="1">
            <a:off x="3635865" y="3360432"/>
            <a:ext cx="709813" cy="384578"/>
          </a:xfrm>
          <a:prstGeom prst="straightConnector1">
            <a:avLst/>
          </a:prstGeom>
          <a:ln>
            <a:solidFill>
              <a:srgbClr val="F37043"/>
            </a:solidFill>
            <a:prstDash val="dash"/>
            <a:headEnd type="triangl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0" name="TextBox 19">
            <a:extLst>
              <a:ext uri="{FF2B5EF4-FFF2-40B4-BE49-F238E27FC236}">
                <a16:creationId xmlns:a16="http://schemas.microsoft.com/office/drawing/2014/main" id="{7977F73B-AAAC-134F-AE66-0281A864FC96}"/>
              </a:ext>
            </a:extLst>
          </p:cNvPr>
          <p:cNvSpPr txBox="1"/>
          <p:nvPr/>
        </p:nvSpPr>
        <p:spPr>
          <a:xfrm>
            <a:off x="4018530" y="2401056"/>
            <a:ext cx="142129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rgbClr val="F37043"/>
                </a:solidFill>
              </a:rPr>
              <a:t>OR</a:t>
            </a:r>
          </a:p>
        </p:txBody>
      </p:sp>
    </p:spTree>
    <p:extLst>
      <p:ext uri="{BB962C8B-B14F-4D97-AF65-F5344CB8AC3E}">
        <p14:creationId xmlns:p14="http://schemas.microsoft.com/office/powerpoint/2010/main" val="200399025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IoT Products – Globiots Platform</a:t>
            </a:r>
          </a:p>
        </p:txBody>
      </p:sp>
      <p:sp>
        <p:nvSpPr>
          <p:cNvPr id="11" name="Footer Placeholder 5">
            <a:extLst>
              <a:ext uri="{FF2B5EF4-FFF2-40B4-BE49-F238E27FC236}">
                <a16:creationId xmlns:a16="http://schemas.microsoft.com/office/drawing/2014/main" id="{9C52AE86-9AE0-304A-A246-F739752E7E1E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3C4E230-7689-C048-A187-78889DB859D2}"/>
              </a:ext>
            </a:extLst>
          </p:cNvPr>
          <p:cNvGrpSpPr/>
          <p:nvPr/>
        </p:nvGrpSpPr>
        <p:grpSpPr>
          <a:xfrm>
            <a:off x="1623526" y="1558213"/>
            <a:ext cx="5896948" cy="3220814"/>
            <a:chOff x="1623526" y="1558213"/>
            <a:chExt cx="5896948" cy="3220814"/>
          </a:xfrm>
        </p:grpSpPr>
        <p:pic>
          <p:nvPicPr>
            <p:cNvPr id="14338" name="Picture 2">
              <a:extLst>
                <a:ext uri="{FF2B5EF4-FFF2-40B4-BE49-F238E27FC236}">
                  <a16:creationId xmlns:a16="http://schemas.microsoft.com/office/drawing/2014/main" id="{3C74E95C-130A-DE46-B0A5-76D9FA1072C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23526" y="1831576"/>
              <a:ext cx="5896948" cy="294745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F2529F2A-E56A-6748-9842-A05586B221EB}"/>
                </a:ext>
              </a:extLst>
            </p:cNvPr>
            <p:cNvGrpSpPr/>
            <p:nvPr/>
          </p:nvGrpSpPr>
          <p:grpSpPr>
            <a:xfrm>
              <a:off x="4282751" y="1558213"/>
              <a:ext cx="1782147" cy="1146682"/>
              <a:chOff x="4282751" y="1558213"/>
              <a:chExt cx="1782147" cy="1146682"/>
            </a:xfrm>
          </p:grpSpPr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03FCB9F9-5609-AC43-A4AA-5AD1C9354192}"/>
                  </a:ext>
                </a:extLst>
              </p:cNvPr>
              <p:cNvSpPr/>
              <p:nvPr/>
            </p:nvSpPr>
            <p:spPr>
              <a:xfrm>
                <a:off x="4282751" y="1558213"/>
                <a:ext cx="1782147" cy="1022868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x-none"/>
              </a:p>
            </p:txBody>
          </p:sp>
          <p:sp>
            <p:nvSpPr>
              <p:cNvPr id="21" name="Rectangle 20">
                <a:extLst>
                  <a:ext uri="{FF2B5EF4-FFF2-40B4-BE49-F238E27FC236}">
                    <a16:creationId xmlns:a16="http://schemas.microsoft.com/office/drawing/2014/main" id="{DBD04AF6-34EB-C643-8B42-CA7BA967ECD8}"/>
                  </a:ext>
                </a:extLst>
              </p:cNvPr>
              <p:cNvSpPr/>
              <p:nvPr/>
            </p:nvSpPr>
            <p:spPr>
              <a:xfrm>
                <a:off x="5010540" y="2481942"/>
                <a:ext cx="587828" cy="222953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x-none"/>
              </a:p>
            </p:txBody>
          </p:sp>
        </p:grpSp>
      </p:grpSp>
      <p:sp>
        <p:nvSpPr>
          <p:cNvPr id="6" name="TextBox 5">
            <a:extLst>
              <a:ext uri="{FF2B5EF4-FFF2-40B4-BE49-F238E27FC236}">
                <a16:creationId xmlns:a16="http://schemas.microsoft.com/office/drawing/2014/main" id="{D45E4F29-D586-2946-8CBC-768E52F123E4}"/>
              </a:ext>
            </a:extLst>
          </p:cNvPr>
          <p:cNvSpPr txBox="1"/>
          <p:nvPr/>
        </p:nvSpPr>
        <p:spPr>
          <a:xfrm>
            <a:off x="7520474" y="2391984"/>
            <a:ext cx="970384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dirty="0"/>
              <a:t>Web Portal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FF390F27-6638-554A-B6E6-AA3A95B7A247}"/>
              </a:ext>
            </a:extLst>
          </p:cNvPr>
          <p:cNvSpPr txBox="1"/>
          <p:nvPr/>
        </p:nvSpPr>
        <p:spPr>
          <a:xfrm>
            <a:off x="7520474" y="3784902"/>
            <a:ext cx="1119673" cy="7155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dirty="0"/>
              <a:t>Android</a:t>
            </a:r>
          </a:p>
          <a:p>
            <a:r>
              <a:rPr lang="x-none" dirty="0"/>
              <a:t>iOS</a:t>
            </a:r>
          </a:p>
          <a:p>
            <a:r>
              <a:rPr lang="en-US" dirty="0"/>
              <a:t>M</a:t>
            </a:r>
            <a:r>
              <a:rPr lang="x-none" dirty="0"/>
              <a:t>obile app</a:t>
            </a:r>
          </a:p>
        </p:txBody>
      </p:sp>
      <p:sp>
        <p:nvSpPr>
          <p:cNvPr id="7" name="Right Arrow 6">
            <a:extLst>
              <a:ext uri="{FF2B5EF4-FFF2-40B4-BE49-F238E27FC236}">
                <a16:creationId xmlns:a16="http://schemas.microsoft.com/office/drawing/2014/main" id="{801FFDAC-2DFC-1542-B83F-7F3A3F91E77D}"/>
              </a:ext>
            </a:extLst>
          </p:cNvPr>
          <p:cNvSpPr/>
          <p:nvPr/>
        </p:nvSpPr>
        <p:spPr>
          <a:xfrm rot="18682973">
            <a:off x="4757637" y="1976330"/>
            <a:ext cx="1448918" cy="248726"/>
          </a:xfrm>
          <a:prstGeom prst="rightArrow">
            <a:avLst>
              <a:gd name="adj1" fmla="val 50000"/>
              <a:gd name="adj2" fmla="val 51923"/>
            </a:avLst>
          </a:prstGeom>
          <a:ln>
            <a:noFill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x-non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540A449-1026-9244-8374-22FDEF447F6C}"/>
              </a:ext>
            </a:extLst>
          </p:cNvPr>
          <p:cNvSpPr txBox="1"/>
          <p:nvPr/>
        </p:nvSpPr>
        <p:spPr>
          <a:xfrm>
            <a:off x="6054339" y="762851"/>
            <a:ext cx="114448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dirty="0"/>
              <a:t>SQL Server</a:t>
            </a:r>
          </a:p>
          <a:p>
            <a:r>
              <a:rPr lang="x-none" dirty="0"/>
              <a:t>BI Software</a:t>
            </a:r>
          </a:p>
          <a:p>
            <a:r>
              <a:rPr lang="x-none" dirty="0"/>
              <a:t>ERP</a:t>
            </a:r>
          </a:p>
          <a:p>
            <a:r>
              <a:rPr lang="x-none" dirty="0"/>
              <a:t>MES …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CBA8AFB7-0E78-BE48-90A2-664CECB53D66}"/>
              </a:ext>
            </a:extLst>
          </p:cNvPr>
          <p:cNvSpPr txBox="1"/>
          <p:nvPr/>
        </p:nvSpPr>
        <p:spPr>
          <a:xfrm>
            <a:off x="4348173" y="1371976"/>
            <a:ext cx="1144484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x-none" sz="1000" dirty="0">
                <a:solidFill>
                  <a:srgbClr val="F37043"/>
                </a:solidFill>
              </a:rPr>
              <a:t>RestAPI</a:t>
            </a:r>
          </a:p>
          <a:p>
            <a:r>
              <a:rPr lang="x-none" sz="1000" dirty="0">
                <a:solidFill>
                  <a:srgbClr val="F37043"/>
                </a:solidFill>
              </a:rPr>
              <a:t>MQTT</a:t>
            </a:r>
          </a:p>
          <a:p>
            <a:r>
              <a:rPr lang="x-none" sz="1000" dirty="0">
                <a:solidFill>
                  <a:srgbClr val="F37043"/>
                </a:solidFill>
              </a:rPr>
              <a:t>SQL connection</a:t>
            </a:r>
          </a:p>
          <a:p>
            <a:r>
              <a:rPr lang="x-none" sz="1000" dirty="0">
                <a:solidFill>
                  <a:srgbClr val="F37043"/>
                </a:solidFill>
              </a:rPr>
              <a:t>CSV file Export</a:t>
            </a:r>
          </a:p>
          <a:p>
            <a:r>
              <a:rPr lang="x-none" sz="1000" dirty="0">
                <a:solidFill>
                  <a:srgbClr val="F37043"/>
                </a:solidFill>
              </a:rPr>
              <a:t>TXT file via FTP</a:t>
            </a:r>
          </a:p>
        </p:txBody>
      </p:sp>
    </p:spTree>
    <p:extLst>
      <p:ext uri="{BB962C8B-B14F-4D97-AF65-F5344CB8AC3E}">
        <p14:creationId xmlns:p14="http://schemas.microsoft.com/office/powerpoint/2010/main" val="1400679316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/>
              <a:t>IoT Solutions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678AAA30-6E37-A14D-91EB-D1A2CA77F698}"/>
              </a:ext>
            </a:extLst>
          </p:cNvPr>
          <p:cNvSpPr/>
          <p:nvPr/>
        </p:nvSpPr>
        <p:spPr>
          <a:xfrm>
            <a:off x="718406" y="555691"/>
            <a:ext cx="4976418" cy="449353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Power monitoring 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Temperature and humidity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Machine operation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Machine performance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Refrigerated container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Fuel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Greenhouse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Hydroponics system monitoring</a:t>
            </a:r>
          </a:p>
          <a:p>
            <a:pPr marL="342900" indent="-342900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 Corrosion monitoring for gas pipeline</a:t>
            </a:r>
          </a:p>
          <a:p>
            <a:pPr marL="342900" indent="-342900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 Boiler monitoring </a:t>
            </a:r>
          </a:p>
          <a:p>
            <a:pPr marL="342900" indent="-342900">
              <a:lnSpc>
                <a:spcPct val="130000"/>
              </a:lnSpc>
              <a:buFont typeface="+mj-lt"/>
              <a:buAutoNum type="arabicPeriod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Server room monitoring</a:t>
            </a:r>
            <a:endParaRPr lang="en-US" sz="2000" dirty="0">
              <a:solidFill>
                <a:srgbClr val="818D9A"/>
              </a:solidFill>
              <a:latin typeface="Helvetic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65271532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/>
              <a:t>IoT Solutions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6838" y="597305"/>
            <a:ext cx="6725093" cy="4451924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Pharmacy warehouse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Chiller </a:t>
            </a: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Generator set monitoring and control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 dirty="0" err="1">
                <a:solidFill>
                  <a:srgbClr val="818D9A"/>
                </a:solidFill>
                <a:latin typeface="Helvetica" pitchFamily="34" charset="0"/>
              </a:rPr>
              <a:t>Telecomunication</a:t>
            </a: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 station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Pump station remote monitoring and control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Waste air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 dirty="0">
                <a:solidFill>
                  <a:srgbClr val="818D9A"/>
                </a:solidFill>
                <a:latin typeface="Helvetica" pitchFamily="34" charset="0"/>
              </a:rPr>
              <a:t>Fire alarm system </a:t>
            </a: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monitoring 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Metal processing machine tool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Plastic extruder monitoring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Water monitoring in shirmp farm</a:t>
            </a:r>
          </a:p>
          <a:p>
            <a:pPr marL="457200" indent="-457200" algn="just" fontAlgn="base">
              <a:lnSpc>
                <a:spcPct val="130000"/>
              </a:lnSpc>
              <a:buFont typeface="+mj-lt"/>
              <a:buAutoNum type="arabicPeriod" startAt="12"/>
            </a:pPr>
            <a:r>
              <a:rPr lang="en-US" sz="2000">
                <a:solidFill>
                  <a:srgbClr val="818D9A"/>
                </a:solidFill>
                <a:latin typeface="Helvetica" pitchFamily="34" charset="0"/>
              </a:rPr>
              <a:t>Dry food silo monitoring and control</a:t>
            </a:r>
            <a:endParaRPr lang="en-US" sz="2000" dirty="0">
              <a:solidFill>
                <a:srgbClr val="818D9A"/>
              </a:solidFill>
              <a:latin typeface="Helvetic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1112878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/>
              <a:t>IoT Solution – Power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42611" y="772741"/>
            <a:ext cx="1921618" cy="192161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2531" y="2871812"/>
            <a:ext cx="1951698" cy="1951698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671208" y="641207"/>
            <a:ext cx="483464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Various power meter typ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Optimized softwar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7" y="2745850"/>
            <a:ext cx="4698461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to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Agricultu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</p:spTree>
    <p:extLst>
      <p:ext uri="{BB962C8B-B14F-4D97-AF65-F5344CB8AC3E}">
        <p14:creationId xmlns:p14="http://schemas.microsoft.com/office/powerpoint/2010/main" val="14975547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Temperature&amp;Humidity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True wireless sensor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system maintenanc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7" y="2745850"/>
            <a:ext cx="4698461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to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Agricultu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2531" y="742661"/>
            <a:ext cx="1951698" cy="195169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2" y="2808369"/>
            <a:ext cx="1973637" cy="1973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8608962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Machine Operation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Various machine typ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onvenient system maintenanc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7" y="2745850"/>
            <a:ext cx="4698461" cy="16619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to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7400" y="708233"/>
            <a:ext cx="1925469" cy="192053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1792" y="2756527"/>
            <a:ext cx="1925469" cy="1925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341963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Machine Performance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Various machine typ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ustomized and specialized softwar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7" y="2745850"/>
            <a:ext cx="4698461" cy="16619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to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5803" y="738948"/>
            <a:ext cx="1994195" cy="19941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5803" y="2833028"/>
            <a:ext cx="1994194" cy="19941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000318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CBFF53-85E0-EE49-9C24-0AB6AAADDC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x-none" sz="3200" dirty="0"/>
              <a:t>Certifications</a:t>
            </a:r>
          </a:p>
        </p:txBody>
      </p:sp>
      <p:pic>
        <p:nvPicPr>
          <p:cNvPr id="7" name="Picture 6" descr="Text, letter&#10;&#10;Description automatically generated">
            <a:extLst>
              <a:ext uri="{FF2B5EF4-FFF2-40B4-BE49-F238E27FC236}">
                <a16:creationId xmlns:a16="http://schemas.microsoft.com/office/drawing/2014/main" id="{98CCCBAE-6630-1747-AF00-CE61BDDD203B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42790" y="2899249"/>
            <a:ext cx="1283541" cy="1805660"/>
          </a:xfrm>
          <a:prstGeom prst="rect">
            <a:avLst/>
          </a:prstGeom>
        </p:spPr>
      </p:pic>
      <p:pic>
        <p:nvPicPr>
          <p:cNvPr id="13" name="Picture 12" descr="Text, application, letter&#10;&#10;Description automatically generated">
            <a:extLst>
              <a:ext uri="{FF2B5EF4-FFF2-40B4-BE49-F238E27FC236}">
                <a16:creationId xmlns:a16="http://schemas.microsoft.com/office/drawing/2014/main" id="{02661D28-FFC2-1447-998F-1F364259408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26455" y="671926"/>
            <a:ext cx="1237910" cy="1768442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E60C3A7E-16CE-3B4B-A01A-A478F7F665E5}"/>
              </a:ext>
            </a:extLst>
          </p:cNvPr>
          <p:cNvSpPr txBox="1"/>
          <p:nvPr/>
        </p:nvSpPr>
        <p:spPr>
          <a:xfrm>
            <a:off x="-212715" y="4661207"/>
            <a:ext cx="38415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/>
              <a:t>Certificate for Fuel </a:t>
            </a:r>
            <a:r>
              <a:rPr lang="x-none" sz="1800"/>
              <a:t>Level </a:t>
            </a:r>
            <a:r>
              <a:rPr lang="x-none" sz="1800" dirty="0"/>
              <a:t>Sensor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6AD9ADAB-8C94-724F-A449-12731D7ECE4B}"/>
              </a:ext>
            </a:extLst>
          </p:cNvPr>
          <p:cNvSpPr txBox="1"/>
          <p:nvPr/>
        </p:nvSpPr>
        <p:spPr>
          <a:xfrm>
            <a:off x="1961159" y="2499307"/>
            <a:ext cx="50271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>
                <a:latin typeface="+mj-lt"/>
              </a:rPr>
              <a:t>Certificate for </a:t>
            </a:r>
            <a:r>
              <a:rPr lang="x-none" sz="1800">
                <a:latin typeface="+mj-lt"/>
              </a:rPr>
              <a:t>Wireless Sensors</a:t>
            </a:r>
            <a:endParaRPr lang="x-none" sz="1800" dirty="0">
              <a:latin typeface="+mj-lt"/>
            </a:endParaRPr>
          </a:p>
        </p:txBody>
      </p:sp>
      <p:pic>
        <p:nvPicPr>
          <p:cNvPr id="8" name="Picture 7" descr="Text, letter&#10;&#10;Description automatically generated">
            <a:extLst>
              <a:ext uri="{FF2B5EF4-FFF2-40B4-BE49-F238E27FC236}">
                <a16:creationId xmlns:a16="http://schemas.microsoft.com/office/drawing/2014/main" id="{DA2474BD-1041-D347-B9D9-174040028510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5739" y="669592"/>
            <a:ext cx="1287680" cy="1836437"/>
          </a:xfrm>
          <a:prstGeom prst="rect">
            <a:avLst/>
          </a:prstGeom>
        </p:spPr>
      </p:pic>
      <p:pic>
        <p:nvPicPr>
          <p:cNvPr id="9" name="Picture 8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7A0F1F59-B1E5-6B49-BBFE-389E988CBADF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705698" y="671926"/>
            <a:ext cx="1217788" cy="177944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286386" y="700369"/>
            <a:ext cx="1285614" cy="183744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932337" y="2920366"/>
            <a:ext cx="1279325" cy="179283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774784" y="686148"/>
            <a:ext cx="1211908" cy="178255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80701" y="690451"/>
            <a:ext cx="1195964" cy="1778247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045764" y="2899249"/>
            <a:ext cx="1218479" cy="1737264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E60C3A7E-16CE-3B4B-A01A-A478F7F665E5}"/>
              </a:ext>
            </a:extLst>
          </p:cNvPr>
          <p:cNvSpPr txBox="1"/>
          <p:nvPr/>
        </p:nvSpPr>
        <p:spPr>
          <a:xfrm>
            <a:off x="2732396" y="4661207"/>
            <a:ext cx="38415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/>
              <a:t>Certificate for IoT Gateway</a:t>
            </a:r>
            <a:endParaRPr lang="x-none" sz="1800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60C3A7E-16CE-3B4B-A01A-A478F7F665E5}"/>
              </a:ext>
            </a:extLst>
          </p:cNvPr>
          <p:cNvSpPr txBox="1"/>
          <p:nvPr/>
        </p:nvSpPr>
        <p:spPr>
          <a:xfrm>
            <a:off x="5677507" y="4639312"/>
            <a:ext cx="38415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/>
              <a:t>Certificate for Daviteq</a:t>
            </a:r>
            <a:endParaRPr lang="x-none" sz="1800" dirty="0"/>
          </a:p>
        </p:txBody>
      </p:sp>
      <p:sp>
        <p:nvSpPr>
          <p:cNvPr id="19" name="Footer Placeholder 5">
            <a:extLst>
              <a:ext uri="{FF2B5EF4-FFF2-40B4-BE49-F238E27FC236}">
                <a16:creationId xmlns:a16="http://schemas.microsoft.com/office/drawing/2014/main" id="{CF7C2781-7997-DD45-A341-1B8FF5B87848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8847171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Refrigerated Container Monitoring</a:t>
            </a:r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nywhere, anytim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ustomized and specialized software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onvenient data exchang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22569" y="2908824"/>
            <a:ext cx="4698461" cy="13542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Agricultur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1" y="734222"/>
            <a:ext cx="1973637" cy="196857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1" y="2808369"/>
            <a:ext cx="1973637" cy="1973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6558852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Fuel Monitoring</a:t>
            </a:r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nywhere, anytim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ustomized and specialized software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onvenient data exchang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22569" y="2908824"/>
            <a:ext cx="4698461" cy="16619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tor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1" y="698139"/>
            <a:ext cx="1973637" cy="197363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1" y="2814941"/>
            <a:ext cx="1941885" cy="1941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6463276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Greenhouse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nywhere, anytim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True wireless sensor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Fast system maintenanc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8" y="2970825"/>
            <a:ext cx="4698461" cy="13542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Agricultur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0423" y="711746"/>
            <a:ext cx="1941110" cy="194111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0423" y="2791751"/>
            <a:ext cx="1954652" cy="19546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239078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Hydroponics System Monitoring</a:t>
            </a:r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4834647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nywhere, anytime monitoring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True wireless sensor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Quick system deploy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Investment optimiz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Fast system maintenance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8" y="3059801"/>
            <a:ext cx="4698461" cy="104644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C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Agricultur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2" y="712001"/>
            <a:ext cx="1940854" cy="194085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0592" y="2823460"/>
            <a:ext cx="1980537" cy="19805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7724585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 – Server Room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671208" y="641207"/>
            <a:ext cx="5350213" cy="2893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Real time 24/7 monitoring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vailable API for 3rd party software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utomatic alarm notific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Optimized and flexible invest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30-minute installation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ustomized functions and report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“True wireless” system, max 1000m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</p:txBody>
      </p:sp>
      <p:sp>
        <p:nvSpPr>
          <p:cNvPr id="10" name="Rectangle 9"/>
          <p:cNvSpPr/>
          <p:nvPr/>
        </p:nvSpPr>
        <p:spPr>
          <a:xfrm>
            <a:off x="671208" y="3537712"/>
            <a:ext cx="4698461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1242" y="878254"/>
            <a:ext cx="3228778" cy="161438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52739" y="2742246"/>
            <a:ext cx="3257281" cy="16092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8615559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Autofit/>
          </a:bodyPr>
          <a:lstStyle/>
          <a:p>
            <a:r>
              <a:rPr lang="en-US" sz="3200"/>
              <a:t>IoT Solution–Pharmacy Warehouse Monitoring</a:t>
            </a:r>
            <a:endParaRPr lang="en-US" sz="3200" dirty="0"/>
          </a:p>
        </p:txBody>
      </p:sp>
      <p:sp>
        <p:nvSpPr>
          <p:cNvPr id="12" name="Footer Placeholder 5">
            <a:extLst>
              <a:ext uri="{FF2B5EF4-FFF2-40B4-BE49-F238E27FC236}">
                <a16:creationId xmlns:a16="http://schemas.microsoft.com/office/drawing/2014/main" id="{00084340-9D0D-9644-A53B-80CE3E01AA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671207" y="3568968"/>
            <a:ext cx="4698461" cy="104644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Applied Industri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Logistic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Smart Facility</a:t>
            </a:r>
          </a:p>
        </p:txBody>
      </p:sp>
      <p:sp>
        <p:nvSpPr>
          <p:cNvPr id="14" name="Rectangle 13"/>
          <p:cNvSpPr/>
          <p:nvPr/>
        </p:nvSpPr>
        <p:spPr>
          <a:xfrm>
            <a:off x="671208" y="641207"/>
            <a:ext cx="5350213" cy="2893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200" b="1">
                <a:solidFill>
                  <a:srgbClr val="A4A7AC"/>
                </a:solidFill>
                <a:latin typeface="Helvetica" pitchFamily="34" charset="0"/>
              </a:rPr>
              <a:t>Highlight Feature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Real time 24/7 monitoring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vailable API for 3rd party software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Automatic alarm notificatio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Optimized and flexible investment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30-minute installation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Customized functions and reports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“True wireless” system, max 1000m	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000">
                <a:solidFill>
                  <a:srgbClr val="A4A7AC"/>
                </a:solidFill>
                <a:latin typeface="Helvetica" pitchFamily="34" charset="0"/>
              </a:rPr>
              <a:t>Easy upgrade and expansion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5228" y="964377"/>
            <a:ext cx="3042580" cy="152129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5228" y="2665757"/>
            <a:ext cx="3177753" cy="15699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1104416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ase studies</a:t>
            </a:r>
          </a:p>
        </p:txBody>
      </p:sp>
      <p:sp>
        <p:nvSpPr>
          <p:cNvPr id="37" name="Footer Placeholder 5">
            <a:extLst>
              <a:ext uri="{FF2B5EF4-FFF2-40B4-BE49-F238E27FC236}">
                <a16:creationId xmlns:a16="http://schemas.microsoft.com/office/drawing/2014/main" id="{ADD8CF05-C10E-8C45-9A22-443068BDB1DA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3" name="Picture 2" descr="Graphical user interface, website&#10;&#10;Description automatically generated">
            <a:extLst>
              <a:ext uri="{FF2B5EF4-FFF2-40B4-BE49-F238E27FC236}">
                <a16:creationId xmlns:a16="http://schemas.microsoft.com/office/drawing/2014/main" id="{31F07017-ED85-F343-8F8E-0687FA1B83A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2426" y="725394"/>
            <a:ext cx="4039441" cy="4093300"/>
          </a:xfrm>
          <a:prstGeom prst="rect">
            <a:avLst/>
          </a:prstGeom>
        </p:spPr>
      </p:pic>
      <p:pic>
        <p:nvPicPr>
          <p:cNvPr id="6" name="Picture 5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8D834676-F96D-D046-8D39-09AAD67C2687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28890" y="764836"/>
            <a:ext cx="4241214" cy="3984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500482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ase studies</a:t>
            </a:r>
          </a:p>
        </p:txBody>
      </p:sp>
      <p:sp>
        <p:nvSpPr>
          <p:cNvPr id="37" name="Footer Placeholder 5">
            <a:extLst>
              <a:ext uri="{FF2B5EF4-FFF2-40B4-BE49-F238E27FC236}">
                <a16:creationId xmlns:a16="http://schemas.microsoft.com/office/drawing/2014/main" id="{ADD8CF05-C10E-8C45-9A22-443068BDB1DA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5" name="Picture 4" descr="A screenshot of a cell phone&#10;&#10;Description automatically generated">
            <a:extLst>
              <a:ext uri="{FF2B5EF4-FFF2-40B4-BE49-F238E27FC236}">
                <a16:creationId xmlns:a16="http://schemas.microsoft.com/office/drawing/2014/main" id="{B1FA3E54-2EDC-344E-8422-2C69ED748F1E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7" y="821088"/>
            <a:ext cx="4072510" cy="3924419"/>
          </a:xfrm>
          <a:prstGeom prst="rect">
            <a:avLst/>
          </a:prstGeom>
        </p:spPr>
      </p:pic>
      <p:pic>
        <p:nvPicPr>
          <p:cNvPr id="8" name="Picture 7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9A3E2351-847C-8E4B-8BB4-DF0C4BD4FF3F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32867" y="783745"/>
            <a:ext cx="4072511" cy="39617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0014922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ustomers in Vietnam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0EB6259E-E6B7-7C45-8E6D-75AFCD14788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5451" y="1593906"/>
            <a:ext cx="1497294" cy="294411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9BDE2122-02AB-144E-ADFA-674193A2ADE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0483" y="3299375"/>
            <a:ext cx="1379322" cy="290454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C1897143-D268-D444-B967-64492B67B4D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97385" y="1594112"/>
            <a:ext cx="1260908" cy="294212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DD6FE31F-A8E3-C24F-8A13-32E8AE2D7DC3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97385" y="3263771"/>
            <a:ext cx="1358268" cy="273845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E5347B8D-4420-AF47-9A43-600D343ED1DB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270893" y="2400082"/>
            <a:ext cx="1093828" cy="350025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9508E30A-3AF8-824B-A315-205006ECBBC3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5453" y="2235681"/>
            <a:ext cx="1442206" cy="667969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D591DE68-7AF7-4546-8E8D-9D1CBB2B9FA2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939891" y="2277930"/>
            <a:ext cx="800293" cy="586262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C1EAED7A-F342-4E4A-9066-E3AAE4AD2483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34288" y="3014254"/>
            <a:ext cx="1065155" cy="788423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F6C14B69-47CF-324F-BCC7-95B9E8DD9682}"/>
              </a:ext>
            </a:extLst>
          </p:cNvPr>
          <p:cNvPicPr>
            <a:picLocks noChangeAspect="1"/>
          </p:cNvPicPr>
          <p:nvPr/>
        </p:nvPicPr>
        <p:blipFill rotWithShape="1"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53908" y="1535241"/>
            <a:ext cx="1172085" cy="407864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CB809618-A948-AD48-B7D3-CDCB5286B878}"/>
              </a:ext>
            </a:extLst>
          </p:cNvPr>
          <p:cNvSpPr txBox="1"/>
          <p:nvPr/>
        </p:nvSpPr>
        <p:spPr>
          <a:xfrm>
            <a:off x="425451" y="943989"/>
            <a:ext cx="1845440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Garments</a:t>
            </a:r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F8DC8482-4063-314F-B9F3-89F5CE9E1986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631891" y="2156864"/>
            <a:ext cx="807378" cy="820400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68E26769-4852-F24E-A7FC-2DBF3762C421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2270893" y="3172764"/>
            <a:ext cx="1395646" cy="535316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3FF3521B-B56C-5E41-A2A8-3F9C82AE23AC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50426" y="1285979"/>
            <a:ext cx="1326807" cy="889931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166FD587-0C78-1444-9C70-7DBB0D97F990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65138" y="1357613"/>
            <a:ext cx="1326807" cy="889931"/>
          </a:xfrm>
          <a:prstGeom prst="rect">
            <a:avLst/>
          </a:prstGeom>
        </p:spPr>
      </p:pic>
      <p:sp>
        <p:nvSpPr>
          <p:cNvPr id="37" name="Footer Placeholder 5">
            <a:extLst>
              <a:ext uri="{FF2B5EF4-FFF2-40B4-BE49-F238E27FC236}">
                <a16:creationId xmlns:a16="http://schemas.microsoft.com/office/drawing/2014/main" id="{ADD8CF05-C10E-8C45-9A22-443068BDB1DA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25272" y="1353344"/>
            <a:ext cx="750907" cy="750907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8504"/>
          <a:stretch/>
        </p:blipFill>
        <p:spPr>
          <a:xfrm>
            <a:off x="6948971" y="2400082"/>
            <a:ext cx="1303507" cy="41829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4105" y="3034027"/>
            <a:ext cx="812795" cy="81279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78333" y="4068747"/>
            <a:ext cx="1500416" cy="28731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31891" y="3886249"/>
            <a:ext cx="919632" cy="702211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96805" y="3886249"/>
            <a:ext cx="1045590" cy="702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28187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ustomers in Vietnam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66782BD3-2FCC-2A40-AED6-82881F08523D}"/>
              </a:ext>
            </a:extLst>
          </p:cNvPr>
          <p:cNvSpPr txBox="1"/>
          <p:nvPr/>
        </p:nvSpPr>
        <p:spPr>
          <a:xfrm>
            <a:off x="425451" y="893815"/>
            <a:ext cx="2340800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Contractors</a:t>
            </a: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BB82B96D-B35C-004E-A35F-F376279D591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0856" y="1332061"/>
            <a:ext cx="1300076" cy="561919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FAEB1E9A-4389-DD47-ADA8-589C2241B002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7208" y="2112192"/>
            <a:ext cx="1253724" cy="376117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67D77410-24B9-7749-B5D1-C81619951C40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32088" y="1994340"/>
            <a:ext cx="1568768" cy="611819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D327F4ED-1796-D44B-A6FA-A1DDF71EF616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53358" y="1485489"/>
            <a:ext cx="1485801" cy="255062"/>
          </a:xfrm>
          <a:prstGeom prst="rect">
            <a:avLst/>
          </a:prstGeom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id="{1DFE705D-823B-1E41-BDA0-943901EBFFD7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20439" y="2133418"/>
            <a:ext cx="670179" cy="335090"/>
          </a:xfrm>
          <a:prstGeom prst="rect">
            <a:avLst/>
          </a:prstGeom>
        </p:spPr>
      </p:pic>
      <p:pic>
        <p:nvPicPr>
          <p:cNvPr id="46" name="Picture 45">
            <a:extLst>
              <a:ext uri="{FF2B5EF4-FFF2-40B4-BE49-F238E27FC236}">
                <a16:creationId xmlns:a16="http://schemas.microsoft.com/office/drawing/2014/main" id="{CE1CF1D8-ABF9-2F4D-96C5-49789C9B4380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81100" y="1379445"/>
            <a:ext cx="1147170" cy="467147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1D919A0D-C9A8-8F41-8C7F-471F63D564D2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4382" y="4093631"/>
            <a:ext cx="1576725" cy="539298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071CF35B-1A76-DC4D-8D3F-EF62C761032F}"/>
              </a:ext>
            </a:extLst>
          </p:cNvPr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63302" y="4093631"/>
            <a:ext cx="633151" cy="636003"/>
          </a:xfrm>
          <a:prstGeom prst="rect">
            <a:avLst/>
          </a:prstGeom>
        </p:spPr>
      </p:pic>
      <p:sp>
        <p:nvSpPr>
          <p:cNvPr id="38" name="TextBox 37">
            <a:extLst>
              <a:ext uri="{FF2B5EF4-FFF2-40B4-BE49-F238E27FC236}">
                <a16:creationId xmlns:a16="http://schemas.microsoft.com/office/drawing/2014/main" id="{16F95D69-12B5-F44F-B38A-7ADAEA1C3E57}"/>
              </a:ext>
            </a:extLst>
          </p:cNvPr>
          <p:cNvSpPr txBox="1"/>
          <p:nvPr/>
        </p:nvSpPr>
        <p:spPr>
          <a:xfrm>
            <a:off x="375901" y="3582315"/>
            <a:ext cx="2595899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Energy Audit Companies</a:t>
            </a:r>
          </a:p>
        </p:txBody>
      </p:sp>
      <p:sp>
        <p:nvSpPr>
          <p:cNvPr id="19" name="Footer Placeholder 5">
            <a:extLst>
              <a:ext uri="{FF2B5EF4-FFF2-40B4-BE49-F238E27FC236}">
                <a16:creationId xmlns:a16="http://schemas.microsoft.com/office/drawing/2014/main" id="{EE8B7947-3F47-D043-9CB1-954F0F1DB3A1}"/>
              </a:ext>
            </a:extLst>
          </p:cNvPr>
          <p:cNvSpPr txBox="1">
            <a:spLocks/>
          </p:cNvSpPr>
          <p:nvPr/>
        </p:nvSpPr>
        <p:spPr>
          <a:xfrm>
            <a:off x="2979723" y="4928974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50315" y="1406119"/>
            <a:ext cx="988955" cy="440473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20987" y="2072295"/>
            <a:ext cx="1374242" cy="35424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1593" y="2751416"/>
            <a:ext cx="1418602" cy="47286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026" y="2751416"/>
            <a:ext cx="877004" cy="578969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97718" y="2652564"/>
            <a:ext cx="656384" cy="65638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40238" y="2729874"/>
            <a:ext cx="1139942" cy="436978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56279" y="1203526"/>
            <a:ext cx="790814" cy="790814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45339" y="2128902"/>
            <a:ext cx="1012693" cy="427899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9520" b="24475"/>
          <a:stretch/>
        </p:blipFill>
        <p:spPr>
          <a:xfrm>
            <a:off x="7204105" y="2743961"/>
            <a:ext cx="1128650" cy="62538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981100" y="4163438"/>
            <a:ext cx="1022014" cy="5155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13753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1329362" y="2582823"/>
            <a:ext cx="5918162" cy="28575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88" name="Isosceles Triangle 287"/>
          <p:cNvSpPr/>
          <p:nvPr/>
        </p:nvSpPr>
        <p:spPr>
          <a:xfrm rot="604113">
            <a:off x="6590421" y="2917560"/>
            <a:ext cx="216698" cy="993724"/>
          </a:xfrm>
          <a:prstGeom prst="triangle">
            <a:avLst>
              <a:gd name="adj" fmla="val 100000"/>
            </a:avLst>
          </a:prstGeom>
          <a:solidFill>
            <a:srgbClr val="A4A7AC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cxnSp>
        <p:nvCxnSpPr>
          <p:cNvPr id="265" name="OTLSHAPE_M_b0787de5193d4434830113b8640fbd43_Connector1"/>
          <p:cNvCxnSpPr/>
          <p:nvPr>
            <p:custDataLst>
              <p:tags r:id="rId3"/>
            </p:custDataLst>
          </p:nvPr>
        </p:nvCxnSpPr>
        <p:spPr>
          <a:xfrm>
            <a:off x="4128743" y="1803371"/>
            <a:ext cx="0" cy="758793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M_2fcb887066bb459e907e1804d8bee9c7_Connector1"/>
          <p:cNvCxnSpPr/>
          <p:nvPr>
            <p:custDataLst>
              <p:tags r:id="rId4"/>
            </p:custDataLst>
          </p:nvPr>
        </p:nvCxnSpPr>
        <p:spPr>
          <a:xfrm>
            <a:off x="3680358" y="1313302"/>
            <a:ext cx="0" cy="129003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M_a3d0d8a764e34820bfa0c89b0e5e3321_Connector1"/>
          <p:cNvCxnSpPr/>
          <p:nvPr>
            <p:custDataLst>
              <p:tags r:id="rId5"/>
            </p:custDataLst>
          </p:nvPr>
        </p:nvCxnSpPr>
        <p:spPr>
          <a:xfrm>
            <a:off x="1683116" y="2163438"/>
            <a:ext cx="0" cy="419386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43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912570" y="2647761"/>
            <a:ext cx="248531" cy="1558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13" b="1" spc="-28">
                <a:solidFill>
                  <a:schemeClr val="accent2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244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7333040" y="2653354"/>
            <a:ext cx="248531" cy="1558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13" b="1" spc="-2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  <a:endParaRPr lang="en-US" sz="1013" b="1" spc="-2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B_00000000000000000000000000000000_ElapsedTime"/>
          <p:cNvSpPr/>
          <p:nvPr>
            <p:custDataLst>
              <p:tags r:id="rId8"/>
            </p:custDataLst>
          </p:nvPr>
        </p:nvSpPr>
        <p:spPr>
          <a:xfrm>
            <a:off x="1329361" y="2811423"/>
            <a:ext cx="5918162" cy="46302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47" name="OTLSHAPE_TB_00000000000000000000000000000000_TodayMarkerShape"/>
          <p:cNvSpPr/>
          <p:nvPr>
            <p:custDataLst>
              <p:tags r:id="rId9"/>
            </p:custDataLst>
          </p:nvPr>
        </p:nvSpPr>
        <p:spPr>
          <a:xfrm>
            <a:off x="6971809" y="2902637"/>
            <a:ext cx="85725" cy="9525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48" name="OTLSHAPE_TB_00000000000000000000000000000000_TodayMarkerText"/>
          <p:cNvSpPr txBox="1"/>
          <p:nvPr>
            <p:custDataLst>
              <p:tags r:id="rId10"/>
            </p:custDataLst>
          </p:nvPr>
        </p:nvSpPr>
        <p:spPr>
          <a:xfrm>
            <a:off x="4645650" y="3645387"/>
            <a:ext cx="2921569" cy="406793"/>
          </a:xfrm>
          <a:prstGeom prst="rect">
            <a:avLst/>
          </a:prstGeom>
          <a:solidFill>
            <a:srgbClr val="A4A7AC"/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013" b="1" spc="-9" dirty="0">
                <a:solidFill>
                  <a:schemeClr val="dk1"/>
                </a:solidFill>
                <a:latin typeface="Calibri" panose="020F0502020204030204" pitchFamily="34" charset="0"/>
              </a:rPr>
              <a:t>Market leader Vietnam </a:t>
            </a:r>
          </a:p>
          <a:p>
            <a:pPr algn="ctr"/>
            <a:r>
              <a:rPr lang="en-US" sz="1013" b="1" spc="-9" dirty="0">
                <a:solidFill>
                  <a:schemeClr val="dk1"/>
                </a:solidFill>
                <a:latin typeface="Calibri" panose="020F0502020204030204" pitchFamily="34" charset="0"/>
              </a:rPr>
              <a:t>for Wireless Sensors &amp; </a:t>
            </a:r>
            <a:r>
              <a:rPr lang="en-US" sz="1013" b="1" spc="-9" dirty="0" err="1">
                <a:solidFill>
                  <a:schemeClr val="dk1"/>
                </a:solidFill>
                <a:latin typeface="Calibri" panose="020F0502020204030204" pitchFamily="34" charset="0"/>
              </a:rPr>
              <a:t>IIoT</a:t>
            </a:r>
            <a:r>
              <a:rPr lang="en-US" sz="1013" b="1" spc="-9" dirty="0">
                <a:solidFill>
                  <a:schemeClr val="dk1"/>
                </a:solidFill>
                <a:latin typeface="Calibri" panose="020F0502020204030204" pitchFamily="34" charset="0"/>
              </a:rPr>
              <a:t> Solutions</a:t>
            </a:r>
          </a:p>
        </p:txBody>
      </p:sp>
      <p:sp>
        <p:nvSpPr>
          <p:cNvPr id="249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1376987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cxnSp>
        <p:nvCxnSpPr>
          <p:cNvPr id="250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2109526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1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2157152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cxnSp>
        <p:nvCxnSpPr>
          <p:cNvPr id="252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2888624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3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936250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cxnSp>
        <p:nvCxnSpPr>
          <p:cNvPr id="254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3668788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5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3716414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cxnSp>
        <p:nvCxnSpPr>
          <p:cNvPr id="256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4447886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7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4495513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cxnSp>
        <p:nvCxnSpPr>
          <p:cNvPr id="258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5228051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9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5275677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260" name="OTLSHAPE_TB_00000000000000000000000000000000_Separator6"/>
          <p:cNvCxnSpPr/>
          <p:nvPr>
            <p:custDataLst>
              <p:tags r:id="rId22"/>
            </p:custDataLst>
          </p:nvPr>
        </p:nvCxnSpPr>
        <p:spPr>
          <a:xfrm>
            <a:off x="6007148" y="2649498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1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6054775" y="2655929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67" name="OTLSHAPE_M_a3d0d8a764e34820bfa0c89b0e5e3321_Title"/>
          <p:cNvSpPr txBox="1"/>
          <p:nvPr>
            <p:custDataLst>
              <p:tags r:id="rId24"/>
            </p:custDataLst>
          </p:nvPr>
        </p:nvSpPr>
        <p:spPr>
          <a:xfrm>
            <a:off x="1759735" y="1813177"/>
            <a:ext cx="113737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aviteq established</a:t>
            </a:r>
          </a:p>
        </p:txBody>
      </p:sp>
      <p:sp>
        <p:nvSpPr>
          <p:cNvPr id="269" name="OTLSHAPE_M_a3d0d8a764e34820bfa0c89b0e5e3321_Shape"/>
          <p:cNvSpPr/>
          <p:nvPr>
            <p:custDataLst>
              <p:tags r:id="rId25"/>
            </p:custDataLst>
          </p:nvPr>
        </p:nvSpPr>
        <p:spPr>
          <a:xfrm rot="16200000">
            <a:off x="1702166" y="2163437"/>
            <a:ext cx="123825" cy="123825"/>
          </a:xfrm>
          <a:prstGeom prst="flowChartMerge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C4D2F88F-0DCA-4B44-8757-8724E4296E67}"/>
              </a:ext>
            </a:extLst>
          </p:cNvPr>
          <p:cNvGrpSpPr/>
          <p:nvPr/>
        </p:nvGrpSpPr>
        <p:grpSpPr>
          <a:xfrm>
            <a:off x="3211398" y="1817333"/>
            <a:ext cx="1128278" cy="714177"/>
            <a:chOff x="3133038" y="2130587"/>
            <a:chExt cx="1504371" cy="952236"/>
          </a:xfrm>
        </p:grpSpPr>
        <p:cxnSp>
          <p:nvCxnSpPr>
            <p:cNvPr id="263" name="OTLSHAPE_M_b42d72702d2343bbb8cbd0eec3bedf08_Connector1"/>
            <p:cNvCxnSpPr/>
            <p:nvPr>
              <p:custDataLst>
                <p:tags r:id="rId46"/>
              </p:custDataLst>
            </p:nvPr>
          </p:nvCxnSpPr>
          <p:spPr>
            <a:xfrm>
              <a:off x="3312729" y="2640651"/>
              <a:ext cx="0" cy="442172"/>
            </a:xfrm>
            <a:prstGeom prst="line">
              <a:avLst/>
            </a:prstGeom>
            <a:ln w="9525" cap="flat" cmpd="sng" algn="ctr">
              <a:solidFill>
                <a:schemeClr val="dk2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blurRad="40000" dist="20000" dir="5400000" rotWithShape="0">
                      <a:srgbClr val="000000">
                        <a:alpha val="38000"/>
                      </a:srgbClr>
                    </a:outerShdw>
                  </a:effectLst>
                </a14:hiddenEffects>
              </a:ext>
            </a:ex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70" name="OTLSHAPE_M_b42d72702d2343bbb8cbd0eec3bedf08_Title"/>
            <p:cNvSpPr txBox="1"/>
            <p:nvPr>
              <p:custDataLst>
                <p:tags r:id="rId47"/>
              </p:custDataLst>
            </p:nvPr>
          </p:nvSpPr>
          <p:spPr>
            <a:xfrm>
              <a:off x="3133038" y="2130587"/>
              <a:ext cx="1504371" cy="49244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2009: </a:t>
              </a:r>
              <a:br>
                <a:rPr 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12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Start R&amp;D</a:t>
              </a:r>
            </a:p>
          </p:txBody>
        </p:sp>
        <p:sp>
          <p:nvSpPr>
            <p:cNvPr id="272" name="OTLSHAPE_M_b42d72702d2343bbb8cbd0eec3bedf08_Shape"/>
            <p:cNvSpPr/>
            <p:nvPr>
              <p:custDataLst>
                <p:tags r:id="rId48"/>
              </p:custDataLst>
            </p:nvPr>
          </p:nvSpPr>
          <p:spPr>
            <a:xfrm rot="16200000">
              <a:off x="3338129" y="2640651"/>
              <a:ext cx="165100" cy="165100"/>
            </a:xfrm>
            <a:prstGeom prst="flowChartMerge">
              <a:avLst/>
            </a:prstGeom>
            <a:solidFill>
              <a:schemeClr val="dk2"/>
            </a:solidFill>
            <a:ln w="95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9525" cap="flat" cmpd="sng" algn="ctr">
                  <a:solidFill>
                    <a:schemeClr val="accent1">
                      <a:shade val="95000"/>
                      <a:satMod val="105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rgbClr val="000000">
                        <a:alpha val="50000"/>
                      </a:s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</p:grpSp>
      <p:sp>
        <p:nvSpPr>
          <p:cNvPr id="273" name="OTLSHAPE_M_2fcb887066bb459e907e1804d8bee9c7_Title"/>
          <p:cNvSpPr txBox="1"/>
          <p:nvPr>
            <p:custDataLst>
              <p:tags r:id="rId26"/>
            </p:custDataLst>
          </p:nvPr>
        </p:nvSpPr>
        <p:spPr>
          <a:xfrm>
            <a:off x="3761321" y="1063822"/>
            <a:ext cx="1925814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Launch </a:t>
            </a:r>
            <a:r>
              <a:rPr lang="en-US" sz="1200" b="1" spc="-3" dirty="0" err="1">
                <a:solidFill>
                  <a:schemeClr val="dk1"/>
                </a:solidFill>
                <a:latin typeface="Calibri" panose="020F0502020204030204" pitchFamily="34" charset="0"/>
              </a:rPr>
              <a:t>PulseCAP</a:t>
            </a:r>
            <a:r>
              <a:rPr lang="en-US" sz="1200" b="1" spc="-3" dirty="0">
                <a:solidFill>
                  <a:schemeClr val="dk1"/>
                </a:solidFill>
                <a:latin typeface="Calibri" panose="020F0502020204030204" pitchFamily="34" charset="0"/>
              </a:rPr>
              <a:t> 10 in Vietnam</a:t>
            </a:r>
          </a:p>
        </p:txBody>
      </p:sp>
      <p:sp>
        <p:nvSpPr>
          <p:cNvPr id="275" name="OTLSHAPE_M_2fcb887066bb459e907e1804d8bee9c7_Shape"/>
          <p:cNvSpPr/>
          <p:nvPr>
            <p:custDataLst>
              <p:tags r:id="rId27"/>
            </p:custDataLst>
          </p:nvPr>
        </p:nvSpPr>
        <p:spPr>
          <a:xfrm rot="16200000">
            <a:off x="3699408" y="1313303"/>
            <a:ext cx="123825" cy="123825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76" name="OTLSHAPE_M_b0787de5193d4434830113b8640fbd43_Title"/>
          <p:cNvSpPr txBox="1"/>
          <p:nvPr>
            <p:custDataLst>
              <p:tags r:id="rId28"/>
            </p:custDataLst>
          </p:nvPr>
        </p:nvSpPr>
        <p:spPr>
          <a:xfrm>
            <a:off x="4295431" y="1691516"/>
            <a:ext cx="772109" cy="2149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tart Export</a:t>
            </a:r>
          </a:p>
        </p:txBody>
      </p:sp>
      <p:sp>
        <p:nvSpPr>
          <p:cNvPr id="278" name="OTLSHAPE_M_b0787de5193d4434830113b8640fbd43_Shape"/>
          <p:cNvSpPr/>
          <p:nvPr>
            <p:custDataLst>
              <p:tags r:id="rId29"/>
            </p:custDataLst>
          </p:nvPr>
        </p:nvSpPr>
        <p:spPr>
          <a:xfrm rot="16200000">
            <a:off x="4147793" y="1803371"/>
            <a:ext cx="123825" cy="123825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80" name="OTLSHAPE_T_c32177b5a0ce43d7a24514d82286e440_ShapePercentage" hidden="1"/>
          <p:cNvSpPr/>
          <p:nvPr>
            <p:custDataLst>
              <p:tags r:id="rId30"/>
            </p:custDataLst>
          </p:nvPr>
        </p:nvSpPr>
        <p:spPr>
          <a:xfrm>
            <a:off x="4582673" y="2958941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281" name="OTLSHAPE_T_c32177b5a0ce43d7a24514d82286e440_Duration" hidden="1"/>
          <p:cNvSpPr txBox="1"/>
          <p:nvPr>
            <p:custDataLst>
              <p:tags r:id="rId31"/>
            </p:custDataLst>
          </p:nvPr>
        </p:nvSpPr>
        <p:spPr>
          <a:xfrm>
            <a:off x="1143000" y="3016650"/>
            <a:ext cx="3905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accent2"/>
                </a:solidFill>
                <a:latin typeface="Calibri" panose="020F0502020204030204" pitchFamily="34" charset="0"/>
              </a:rPr>
              <a:t>2206 days</a:t>
            </a:r>
          </a:p>
        </p:txBody>
      </p:sp>
      <p:sp>
        <p:nvSpPr>
          <p:cNvPr id="282" name="OTLSHAPE_T_c32177b5a0ce43d7a24514d82286e440_TextPercentage" hidden="1"/>
          <p:cNvSpPr txBox="1"/>
          <p:nvPr>
            <p:custDataLst>
              <p:tags r:id="rId32"/>
            </p:custDataLst>
          </p:nvPr>
        </p:nvSpPr>
        <p:spPr>
          <a:xfrm>
            <a:off x="114300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T_c32177b5a0ce43d7a24514d82286e440_StartDate" hidden="1"/>
          <p:cNvSpPr txBox="1"/>
          <p:nvPr>
            <p:custDataLst>
              <p:tags r:id="rId33"/>
            </p:custDataLst>
          </p:nvPr>
        </p:nvSpPr>
        <p:spPr>
          <a:xfrm>
            <a:off x="114300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c32177b5a0ce43d7a24514d82286e440_EndDate" hidden="1"/>
          <p:cNvSpPr txBox="1"/>
          <p:nvPr>
            <p:custDataLst>
              <p:tags r:id="rId34"/>
            </p:custDataLst>
          </p:nvPr>
        </p:nvSpPr>
        <p:spPr>
          <a:xfrm>
            <a:off x="1143000" y="30752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Arrow: Pentagon 286"/>
          <p:cNvSpPr/>
          <p:nvPr/>
        </p:nvSpPr>
        <p:spPr>
          <a:xfrm>
            <a:off x="4809113" y="3058377"/>
            <a:ext cx="2921569" cy="330414"/>
          </a:xfrm>
          <a:prstGeom prst="homePlate">
            <a:avLst/>
          </a:prstGeom>
          <a:solidFill>
            <a:srgbClr val="3FC8F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27000" rIns="27000" rtlCol="0" anchor="ctr"/>
          <a:lstStyle/>
          <a:p>
            <a:pPr algn="ctr"/>
            <a:r>
              <a:rPr lang="en-US" sz="1500" b="1" dirty="0"/>
              <a:t>Continuous Product Development</a:t>
            </a:r>
          </a:p>
        </p:txBody>
      </p:sp>
      <p:sp>
        <p:nvSpPr>
          <p:cNvPr id="293" name="TextBox 292"/>
          <p:cNvSpPr txBox="1"/>
          <p:nvPr/>
        </p:nvSpPr>
        <p:spPr>
          <a:xfrm>
            <a:off x="2201146" y="4680765"/>
            <a:ext cx="715930" cy="248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13" b="1" dirty="0">
                <a:solidFill>
                  <a:schemeClr val="bg1"/>
                </a:solidFill>
              </a:rPr>
              <a:t>R&amp;D</a:t>
            </a:r>
          </a:p>
        </p:txBody>
      </p:sp>
      <p:cxnSp>
        <p:nvCxnSpPr>
          <p:cNvPr id="44" name="OTLSHAPE_M_b0787de5193d4434830113b8640fbd43_Connector1">
            <a:extLst>
              <a:ext uri="{FF2B5EF4-FFF2-40B4-BE49-F238E27FC236}">
                <a16:creationId xmlns:a16="http://schemas.microsoft.com/office/drawing/2014/main" id="{874820FB-FE43-C941-A82A-9423A24880F3}"/>
              </a:ext>
            </a:extLst>
          </p:cNvPr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4456746" y="1480921"/>
            <a:ext cx="0" cy="1081244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OTLSHAPE_M_b0787de5193d4434830113b8640fbd43_Title">
            <a:extLst>
              <a:ext uri="{FF2B5EF4-FFF2-40B4-BE49-F238E27FC236}">
                <a16:creationId xmlns:a16="http://schemas.microsoft.com/office/drawing/2014/main" id="{CF708AC9-A462-D345-9212-3EEA66A1129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623433" y="1369066"/>
            <a:ext cx="1746650" cy="2149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tart Develop IoT Platform</a:t>
            </a:r>
          </a:p>
        </p:txBody>
      </p:sp>
      <p:sp>
        <p:nvSpPr>
          <p:cNvPr id="46" name="OTLSHAPE_M_b0787de5193d4434830113b8640fbd43_Shape">
            <a:extLst>
              <a:ext uri="{FF2B5EF4-FFF2-40B4-BE49-F238E27FC236}">
                <a16:creationId xmlns:a16="http://schemas.microsoft.com/office/drawing/2014/main" id="{8E1B8B0B-593E-9147-92CE-A9CCE10D9F2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4475796" y="1480921"/>
            <a:ext cx="123825" cy="123825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cxnSp>
        <p:nvCxnSpPr>
          <p:cNvPr id="48" name="OTLSHAPE_M_b0787de5193d4434830113b8640fbd43_Connector1">
            <a:extLst>
              <a:ext uri="{FF2B5EF4-FFF2-40B4-BE49-F238E27FC236}">
                <a16:creationId xmlns:a16="http://schemas.microsoft.com/office/drawing/2014/main" id="{33816CCA-25A4-544F-8980-6A5FEA363744}"/>
              </a:ext>
            </a:extLst>
          </p:cNvPr>
          <p:cNvCxnSpPr>
            <a:cxnSpLocks/>
          </p:cNvCxnSpPr>
          <p:nvPr>
            <p:custDataLst>
              <p:tags r:id="rId38"/>
            </p:custDataLst>
          </p:nvPr>
        </p:nvCxnSpPr>
        <p:spPr>
          <a:xfrm flipH="1">
            <a:off x="5228051" y="1984396"/>
            <a:ext cx="4353" cy="577769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9" name="OTLSHAPE_M_b0787de5193d4434830113b8640fbd43_Title">
            <a:extLst>
              <a:ext uri="{FF2B5EF4-FFF2-40B4-BE49-F238E27FC236}">
                <a16:creationId xmlns:a16="http://schemas.microsoft.com/office/drawing/2014/main" id="{3D04FB41-A17D-4F47-A381-582B5ADD9DF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399091" y="1872540"/>
            <a:ext cx="1502522" cy="2149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First IoT Product launched</a:t>
            </a:r>
          </a:p>
        </p:txBody>
      </p:sp>
      <p:sp>
        <p:nvSpPr>
          <p:cNvPr id="50" name="OTLSHAPE_M_b0787de5193d4434830113b8640fbd43_Shape">
            <a:extLst>
              <a:ext uri="{FF2B5EF4-FFF2-40B4-BE49-F238E27FC236}">
                <a16:creationId xmlns:a16="http://schemas.microsoft.com/office/drawing/2014/main" id="{96B9F89C-EB71-724E-8BB4-16EC14B3CA5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5251454" y="1984395"/>
            <a:ext cx="123825" cy="123825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302D669D-43AA-774E-B8C3-BFF65861A79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828819" y="2653177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 dirty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53" name="OTLSHAPE_TB_00000000000000000000000000000000_Separator6">
            <a:extLst>
              <a:ext uri="{FF2B5EF4-FFF2-40B4-BE49-F238E27FC236}">
                <a16:creationId xmlns:a16="http://schemas.microsoft.com/office/drawing/2014/main" id="{87A70798-B9C3-ED4B-9187-3E2E8F6FD759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6787253" y="2655092"/>
            <a:ext cx="0" cy="1524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b0787de5193d4434830113b8640fbd43_Connector1">
            <a:extLst>
              <a:ext uri="{FF2B5EF4-FFF2-40B4-BE49-F238E27FC236}">
                <a16:creationId xmlns:a16="http://schemas.microsoft.com/office/drawing/2014/main" id="{335E6B1F-BE8E-B04C-9ABC-188232F140F6}"/>
              </a:ext>
            </a:extLst>
          </p:cNvPr>
          <p:cNvCxnSpPr>
            <a:cxnSpLocks/>
          </p:cNvCxnSpPr>
          <p:nvPr>
            <p:custDataLst>
              <p:tags r:id="rId43"/>
            </p:custDataLst>
          </p:nvPr>
        </p:nvCxnSpPr>
        <p:spPr>
          <a:xfrm flipH="1">
            <a:off x="6413909" y="1979970"/>
            <a:ext cx="4353" cy="577769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5" name="OTLSHAPE_M_b0787de5193d4434830113b8640fbd43_Title">
            <a:extLst>
              <a:ext uri="{FF2B5EF4-FFF2-40B4-BE49-F238E27FC236}">
                <a16:creationId xmlns:a16="http://schemas.microsoft.com/office/drawing/2014/main" id="{51536A3C-3F7E-AE4E-8AC8-73D58309AC8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584949" y="1868114"/>
            <a:ext cx="1502522" cy="2149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Develop Wireless Sensors</a:t>
            </a:r>
          </a:p>
        </p:txBody>
      </p:sp>
      <p:sp>
        <p:nvSpPr>
          <p:cNvPr id="56" name="OTLSHAPE_M_b0787de5193d4434830113b8640fbd43_Shape">
            <a:extLst>
              <a:ext uri="{FF2B5EF4-FFF2-40B4-BE49-F238E27FC236}">
                <a16:creationId xmlns:a16="http://schemas.microsoft.com/office/drawing/2014/main" id="{BD2C3A68-B671-A142-A9E3-34E18955DCA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6437312" y="1979969"/>
            <a:ext cx="123825" cy="123825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0291819-EB84-9147-A44B-9A5625E3D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09361"/>
          </a:xfrm>
        </p:spPr>
        <p:txBody>
          <a:bodyPr>
            <a:normAutofit/>
          </a:bodyPr>
          <a:lstStyle/>
          <a:p>
            <a:r>
              <a:rPr lang="en-US" sz="3200" dirty="0" err="1"/>
              <a:t>Daviteq</a:t>
            </a:r>
            <a:r>
              <a:rPr lang="en-US" sz="3200" dirty="0"/>
              <a:t> Milestones</a:t>
            </a:r>
          </a:p>
        </p:txBody>
      </p:sp>
      <p:sp>
        <p:nvSpPr>
          <p:cNvPr id="58" name="Footer Placeholder 5">
            <a:extLst>
              <a:ext uri="{FF2B5EF4-FFF2-40B4-BE49-F238E27FC236}">
                <a16:creationId xmlns:a16="http://schemas.microsoft.com/office/drawing/2014/main" id="{4C5716E2-6796-1C4B-9983-BC2350ADE027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60" name="Arrow: Pentagon 286">
            <a:extLst>
              <a:ext uri="{FF2B5EF4-FFF2-40B4-BE49-F238E27FC236}">
                <a16:creationId xmlns:a16="http://schemas.microsoft.com/office/drawing/2014/main" id="{355494AD-5951-784F-B3A7-92DD7419E743}"/>
              </a:ext>
            </a:extLst>
          </p:cNvPr>
          <p:cNvSpPr/>
          <p:nvPr/>
        </p:nvSpPr>
        <p:spPr>
          <a:xfrm>
            <a:off x="1329362" y="3058376"/>
            <a:ext cx="2159680" cy="1106802"/>
          </a:xfrm>
          <a:prstGeom prst="homePlate">
            <a:avLst/>
          </a:prstGeom>
          <a:solidFill>
            <a:srgbClr val="3FC8F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27000" rIns="27000" rtlCol="0" anchor="ctr"/>
          <a:lstStyle/>
          <a:p>
            <a:pPr algn="ctr"/>
            <a:r>
              <a:rPr lang="en-US" sz="1500" b="1" dirty="0"/>
              <a:t>1</a:t>
            </a:r>
            <a:r>
              <a:rPr lang="en-US" sz="1500" b="1" baseline="30000" dirty="0"/>
              <a:t>st</a:t>
            </a:r>
            <a:r>
              <a:rPr lang="en-US" sz="1500" b="1" dirty="0"/>
              <a:t> 5-year was a Trading Company in Process Instruments and Contro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21180554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ustomers in Vietnam</a:t>
            </a:r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1A4B2E4A-57F2-DF45-9308-3439E189F2E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0724" y="2575017"/>
            <a:ext cx="865262" cy="638446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0B6CEE58-44A5-8745-A766-045423E4CABE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73935" y="2692288"/>
            <a:ext cx="1232266" cy="521174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F80C5148-C921-6A41-9460-CBF71507B099}"/>
              </a:ext>
            </a:extLst>
          </p:cNvPr>
          <p:cNvSpPr txBox="1"/>
          <p:nvPr/>
        </p:nvSpPr>
        <p:spPr>
          <a:xfrm>
            <a:off x="425451" y="2220171"/>
            <a:ext cx="269069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Stock Fe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218CF576-FB44-2943-977D-67F7B63101C0}"/>
              </a:ext>
            </a:extLst>
          </p:cNvPr>
          <p:cNvSpPr txBox="1"/>
          <p:nvPr/>
        </p:nvSpPr>
        <p:spPr>
          <a:xfrm>
            <a:off x="425451" y="3493913"/>
            <a:ext cx="269069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Emission Monitoring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940C1AB4-4E6E-E14B-8C55-9D7572CC6CB8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4497" y="1313793"/>
            <a:ext cx="1018614" cy="509307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4489E5F2-0E7B-854A-83F9-FCFA65C8C051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07025" y="1427186"/>
            <a:ext cx="834425" cy="282522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C973E2DF-A9F5-0C43-8AA1-E7799882C932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88707" y="1333561"/>
            <a:ext cx="1002722" cy="471203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C9956599-7BF9-6E40-8864-AC70A647B26C}"/>
              </a:ext>
            </a:extLst>
          </p:cNvPr>
          <p:cNvSpPr txBox="1"/>
          <p:nvPr/>
        </p:nvSpPr>
        <p:spPr>
          <a:xfrm>
            <a:off x="425452" y="858270"/>
            <a:ext cx="3026198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Food &amp; Beverag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0FA2AFF-3B95-AD45-A5B1-EB17D978716D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8815" y="4006404"/>
            <a:ext cx="1036166" cy="4440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D27278B-C200-C04D-A401-7F76A29460EC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93151" y="4006403"/>
            <a:ext cx="1058159" cy="412125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80D152B-3A24-2746-8505-E6D28CB8C0E2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2160699" y="3997184"/>
            <a:ext cx="1030730" cy="46250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11" cstate="screen">
            <a:extLst>
              <a:ext uri="{BEBA8EAE-BF5A-486C-A8C5-ECC9F3942E4B}">
                <a14:imgProps xmlns:a14="http://schemas.microsoft.com/office/drawing/2010/main">
                  <a14:imgLayer r:embed="rId12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57046" y="1120414"/>
            <a:ext cx="983480" cy="697603"/>
          </a:xfrm>
          <a:prstGeom prst="rect">
            <a:avLst/>
          </a:prstGeom>
        </p:spPr>
      </p:pic>
      <p:sp>
        <p:nvSpPr>
          <p:cNvPr id="20" name="Footer Placeholder 5">
            <a:extLst>
              <a:ext uri="{FF2B5EF4-FFF2-40B4-BE49-F238E27FC236}">
                <a16:creationId xmlns:a16="http://schemas.microsoft.com/office/drawing/2014/main" id="{4A9CFB99-58DB-0E40-B608-85C0D423E69F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11937" y="1240477"/>
            <a:ext cx="879527" cy="541247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37928" y="1240477"/>
            <a:ext cx="774913" cy="548534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F80C5148-C921-6A41-9460-CBF71507B099}"/>
              </a:ext>
            </a:extLst>
          </p:cNvPr>
          <p:cNvSpPr txBox="1"/>
          <p:nvPr/>
        </p:nvSpPr>
        <p:spPr>
          <a:xfrm>
            <a:off x="4871551" y="2210432"/>
            <a:ext cx="269069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>
                <a:latin typeface="Helvetica" panose="020B0604020202020204" pitchFamily="34" charset="0"/>
                <a:cs typeface="Helvetica" panose="020B0604020202020204" pitchFamily="34" charset="0"/>
              </a:rPr>
              <a:t>Logistics</a:t>
            </a:r>
            <a:endParaRPr lang="en-US" sz="1013" dirty="0">
              <a:latin typeface="Helvetica" panose="020B0604020202020204" pitchFamily="34" charset="0"/>
              <a:cs typeface="Helvetica" panose="020B0604020202020204" pitchFamily="34" charset="0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57046" y="2650239"/>
            <a:ext cx="885996" cy="65563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63195" y="2775303"/>
            <a:ext cx="836143" cy="45922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10789" y="2702019"/>
            <a:ext cx="665788" cy="665788"/>
          </a:xfrm>
          <a:prstGeom prst="rect">
            <a:avLst/>
          </a:prstGeom>
        </p:spPr>
      </p:pic>
      <p:sp>
        <p:nvSpPr>
          <p:cNvPr id="28" name="TextBox 27">
            <a:extLst>
              <a:ext uri="{FF2B5EF4-FFF2-40B4-BE49-F238E27FC236}">
                <a16:creationId xmlns:a16="http://schemas.microsoft.com/office/drawing/2014/main" id="{F80C5148-C921-6A41-9460-CBF71507B099}"/>
              </a:ext>
            </a:extLst>
          </p:cNvPr>
          <p:cNvSpPr txBox="1"/>
          <p:nvPr/>
        </p:nvSpPr>
        <p:spPr>
          <a:xfrm>
            <a:off x="4847232" y="3530011"/>
            <a:ext cx="269069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>
                <a:latin typeface="Helvetica" panose="020B0604020202020204" pitchFamily="34" charset="0"/>
                <a:cs typeface="Helvetica" panose="020B0604020202020204" pitchFamily="34" charset="0"/>
              </a:rPr>
              <a:t>Health</a:t>
            </a:r>
            <a:endParaRPr lang="en-US" sz="1013" dirty="0">
              <a:latin typeface="Helvetica" panose="020B0604020202020204" pitchFamily="34" charset="0"/>
              <a:cs typeface="Helvetica" panose="020B0604020202020204" pitchFamily="34" charset="0"/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52818" y="4055749"/>
            <a:ext cx="1558432" cy="3634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2308780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>
            <a:extLst>
              <a:ext uri="{FF2B5EF4-FFF2-40B4-BE49-F238E27FC236}">
                <a16:creationId xmlns:a16="http://schemas.microsoft.com/office/drawing/2014/main" id="{ED8C7203-FA4D-EE40-A9A5-AE9FDEBB5E99}"/>
              </a:ext>
            </a:extLst>
          </p:cNvPr>
          <p:cNvSpPr txBox="1"/>
          <p:nvPr/>
        </p:nvSpPr>
        <p:spPr>
          <a:xfrm>
            <a:off x="6502977" y="2278523"/>
            <a:ext cx="241607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Equipment Maker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D0B68E2-441B-3943-A6EF-1DA39D9A942B}"/>
              </a:ext>
            </a:extLst>
          </p:cNvPr>
          <p:cNvSpPr txBox="1"/>
          <p:nvPr/>
        </p:nvSpPr>
        <p:spPr>
          <a:xfrm>
            <a:off x="406686" y="853299"/>
            <a:ext cx="2400301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Machining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ustomers in Vietnam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DCB1C756-884C-954B-9682-173B413F4B7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02977" y="2662060"/>
            <a:ext cx="857250" cy="85725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FCAE0267-9FA3-6E45-AFA3-D2B2D3BB7BD4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73627" y="1343728"/>
            <a:ext cx="1016626" cy="539657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685B8E71-FB55-5946-85C2-CEAEF2C20447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7024" y="1282338"/>
            <a:ext cx="1413267" cy="46405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F7F6EE27-6C70-664C-8844-7213F8928328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89519" y="4167833"/>
            <a:ext cx="1168216" cy="329419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1C931BE9-A009-B74A-8F44-AFFBB235A681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3504" y="3975695"/>
            <a:ext cx="1072206" cy="713698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21E1D619-551E-5147-82DA-0A88D3450D0A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7651" y="2725027"/>
            <a:ext cx="603557" cy="598984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2FBE33F6-2461-3046-82C8-78FB158D469A}"/>
              </a:ext>
            </a:extLst>
          </p:cNvPr>
          <p:cNvSpPr txBox="1"/>
          <p:nvPr/>
        </p:nvSpPr>
        <p:spPr>
          <a:xfrm>
            <a:off x="382151" y="2246957"/>
            <a:ext cx="242483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Plastic injection &amp; extruding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420B636-B9AA-0545-92C7-9FB940CDB821}"/>
              </a:ext>
            </a:extLst>
          </p:cNvPr>
          <p:cNvSpPr txBox="1"/>
          <p:nvPr/>
        </p:nvSpPr>
        <p:spPr>
          <a:xfrm>
            <a:off x="382151" y="3581243"/>
            <a:ext cx="242483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 err="1">
                <a:latin typeface="Helvetica" panose="020B0604020202020204" pitchFamily="34" charset="0"/>
                <a:cs typeface="Helvetica" panose="020B0604020202020204" pitchFamily="34" charset="0"/>
              </a:rPr>
              <a:t>Telecomunication</a:t>
            </a:r>
            <a:endParaRPr lang="en-US" sz="1013" dirty="0">
              <a:latin typeface="Helvetica" panose="020B0604020202020204" pitchFamily="34" charset="0"/>
              <a:cs typeface="Helvetica" panose="020B0604020202020204" pitchFamily="34" charset="0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42525A52-F667-4E42-A416-5D8914D3209A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87160" y="3991299"/>
            <a:ext cx="682487" cy="682487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FA7B2E4-4AB1-A445-AC2C-EC6EC92AFD7D}"/>
              </a:ext>
            </a:extLst>
          </p:cNvPr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19636" y="4238329"/>
            <a:ext cx="981197" cy="219424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3603ABB2-085A-0345-9342-A189BEC11C66}"/>
              </a:ext>
            </a:extLst>
          </p:cNvPr>
          <p:cNvSpPr txBox="1"/>
          <p:nvPr/>
        </p:nvSpPr>
        <p:spPr>
          <a:xfrm>
            <a:off x="3442564" y="2273919"/>
            <a:ext cx="2424836" cy="257418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Cements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666B9F29-D630-954D-81C5-9A3FA651A42F}"/>
              </a:ext>
            </a:extLst>
          </p:cNvPr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27507" y="2662060"/>
            <a:ext cx="1156817" cy="681287"/>
          </a:xfrm>
          <a:prstGeom prst="rect">
            <a:avLst/>
          </a:prstGeom>
        </p:spPr>
      </p:pic>
      <p:sp>
        <p:nvSpPr>
          <p:cNvPr id="23" name="Footer Placeholder 5">
            <a:extLst>
              <a:ext uri="{FF2B5EF4-FFF2-40B4-BE49-F238E27FC236}">
                <a16:creationId xmlns:a16="http://schemas.microsoft.com/office/drawing/2014/main" id="{EEC70298-444B-3344-9F5C-0C98CD662995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05915" y="1276603"/>
            <a:ext cx="1211138" cy="660621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09305" y="1392484"/>
            <a:ext cx="951287" cy="35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172415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ome customers in Vietnam</a:t>
            </a:r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3FDB6E49-734A-104A-9059-343A6571F45E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9468" y="1289830"/>
            <a:ext cx="831683" cy="626534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25843AF-8A2B-1547-97A0-A2CCAE15A908}"/>
              </a:ext>
            </a:extLst>
          </p:cNvPr>
          <p:cNvSpPr txBox="1"/>
          <p:nvPr/>
        </p:nvSpPr>
        <p:spPr>
          <a:xfrm>
            <a:off x="425451" y="888548"/>
            <a:ext cx="2605702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Energy/Utility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B8159027-B77D-C742-977A-19E0025AC0A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63973" y="1313716"/>
            <a:ext cx="1229968" cy="648528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FD5F40A7-ADF6-5E4F-8AC6-64B262554340}"/>
              </a:ext>
            </a:extLst>
          </p:cNvPr>
          <p:cNvSpPr txBox="1"/>
          <p:nvPr/>
        </p:nvSpPr>
        <p:spPr>
          <a:xfrm>
            <a:off x="425450" y="2269686"/>
            <a:ext cx="2204003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 err="1">
                <a:latin typeface="Helvetica" panose="020B0604020202020204" pitchFamily="34" charset="0"/>
                <a:cs typeface="Helvetica" panose="020B0604020202020204" pitchFamily="34" charset="0"/>
              </a:rPr>
              <a:t>SolarFarm</a:t>
            </a:r>
            <a:endParaRPr lang="en-US" sz="1013" dirty="0">
              <a:latin typeface="Helvetica" panose="020B0604020202020204" pitchFamily="34" charset="0"/>
              <a:cs typeface="Helvetica" panose="020B0604020202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859172C-6AFF-D34E-8169-E450180C22F8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6413" y="2684556"/>
            <a:ext cx="952500" cy="5715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89FD78CB-5C25-DF4F-8DF0-CDDAA10B4A9A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29453" y="1394813"/>
            <a:ext cx="990600" cy="495300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66FA9951-C9E3-E64C-A1F3-14502A2AE2F0}"/>
              </a:ext>
            </a:extLst>
          </p:cNvPr>
          <p:cNvSpPr txBox="1"/>
          <p:nvPr/>
        </p:nvSpPr>
        <p:spPr>
          <a:xfrm>
            <a:off x="4050075" y="3460873"/>
            <a:ext cx="2202153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Steels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8FFB70F8-B332-9642-AE7C-BB948720C620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82795" y="3971467"/>
            <a:ext cx="652514" cy="652514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B626D4AE-28D2-F743-9D61-EBB8E4C0E621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9827" y="3942689"/>
            <a:ext cx="560605" cy="717417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8098732D-07AD-C348-9434-691A521750B4}"/>
              </a:ext>
            </a:extLst>
          </p:cNvPr>
          <p:cNvSpPr txBox="1"/>
          <p:nvPr/>
        </p:nvSpPr>
        <p:spPr>
          <a:xfrm>
            <a:off x="460997" y="3460873"/>
            <a:ext cx="2168456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Oil &amp; Ga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D5F40A7-ADF6-5E4F-8AC6-64B262554340}"/>
              </a:ext>
            </a:extLst>
          </p:cNvPr>
          <p:cNvSpPr txBox="1"/>
          <p:nvPr/>
        </p:nvSpPr>
        <p:spPr>
          <a:xfrm>
            <a:off x="4050074" y="2265396"/>
            <a:ext cx="2204003" cy="248209"/>
          </a:xfrm>
          <a:prstGeom prst="rect">
            <a:avLst/>
          </a:prstGeom>
          <a:solidFill>
            <a:srgbClr val="B5B7BF"/>
          </a:solidFill>
        </p:spPr>
        <p:txBody>
          <a:bodyPr wrap="square" rtlCol="0">
            <a:spAutoFit/>
          </a:bodyPr>
          <a:lstStyle/>
          <a:p>
            <a:r>
              <a:rPr lang="en-US" sz="1013" dirty="0">
                <a:latin typeface="Helvetica" panose="020B0604020202020204" pitchFamily="34" charset="0"/>
                <a:cs typeface="Helvetica" panose="020B0604020202020204" pitchFamily="34" charset="0"/>
              </a:rPr>
              <a:t>Properties Management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075" y="2542395"/>
            <a:ext cx="852723" cy="852723"/>
          </a:xfrm>
          <a:prstGeom prst="rect">
            <a:avLst/>
          </a:prstGeom>
        </p:spPr>
      </p:pic>
      <p:sp>
        <p:nvSpPr>
          <p:cNvPr id="24" name="Footer Placeholder 5">
            <a:extLst>
              <a:ext uri="{FF2B5EF4-FFF2-40B4-BE49-F238E27FC236}">
                <a16:creationId xmlns:a16="http://schemas.microsoft.com/office/drawing/2014/main" id="{8E009DC7-F362-694F-8FCA-FD0B9FDE3E71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57334" y="4023046"/>
            <a:ext cx="794894" cy="566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122026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International IoT Solution Partners Network</a:t>
            </a:r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id="{D22F90D1-0111-234F-8F9A-090C838D50D6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AFCBFD11-34DD-0949-8A50-882DE2A440D7}"/>
              </a:ext>
            </a:extLst>
          </p:cNvPr>
          <p:cNvGraphicFramePr>
            <a:graphicFrameLocks noGrp="1"/>
          </p:cNvGraphicFramePr>
          <p:nvPr/>
        </p:nvGraphicFramePr>
        <p:xfrm>
          <a:off x="360330" y="722734"/>
          <a:ext cx="8423340" cy="420624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667976">
                  <a:extLst>
                    <a:ext uri="{9D8B030D-6E8A-4147-A177-3AD203B41FA5}">
                      <a16:colId xmlns:a16="http://schemas.microsoft.com/office/drawing/2014/main" val="125487989"/>
                    </a:ext>
                  </a:extLst>
                </a:gridCol>
                <a:gridCol w="2543694">
                  <a:extLst>
                    <a:ext uri="{9D8B030D-6E8A-4147-A177-3AD203B41FA5}">
                      <a16:colId xmlns:a16="http://schemas.microsoft.com/office/drawing/2014/main" val="1913195971"/>
                    </a:ext>
                  </a:extLst>
                </a:gridCol>
                <a:gridCol w="1683074">
                  <a:extLst>
                    <a:ext uri="{9D8B030D-6E8A-4147-A177-3AD203B41FA5}">
                      <a16:colId xmlns:a16="http://schemas.microsoft.com/office/drawing/2014/main" val="122274706"/>
                    </a:ext>
                  </a:extLst>
                </a:gridCol>
                <a:gridCol w="2528596">
                  <a:extLst>
                    <a:ext uri="{9D8B030D-6E8A-4147-A177-3AD203B41FA5}">
                      <a16:colId xmlns:a16="http://schemas.microsoft.com/office/drawing/2014/main" val="3421012445"/>
                    </a:ext>
                  </a:extLst>
                </a:gridCol>
              </a:tblGrid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Autralia and New Zealan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Temperature Monitoring Solutions for Food, Pharmaceutical…IoT Solutions Provider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Malays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Data center Environment Monitoring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hili Farm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Durian Farm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Hydroponics Farm…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037455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ingapor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Solar System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Malays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igfox operator in Malaysia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 …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38583901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bg2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ingapor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85000"/>
                        <a:lumOff val="1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Factory Automation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Process Automation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Malays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079850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ctr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ingapor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Nosairis - Malays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1320430"/>
                  </a:ext>
                </a:extLst>
              </a:tr>
            </a:tbl>
          </a:graphicData>
        </a:graphic>
      </p:graphicFrame>
      <p:pic>
        <p:nvPicPr>
          <p:cNvPr id="29" name="Picture 28">
            <a:extLst>
              <a:ext uri="{FF2B5EF4-FFF2-40B4-BE49-F238E27FC236}">
                <a16:creationId xmlns:a16="http://schemas.microsoft.com/office/drawing/2014/main" id="{4F2AF5C5-9F6C-4643-9E56-2252C0B883B2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1790" b="22185"/>
          <a:stretch/>
        </p:blipFill>
        <p:spPr>
          <a:xfrm>
            <a:off x="602309" y="768207"/>
            <a:ext cx="1222126" cy="806901"/>
          </a:xfrm>
          <a:prstGeom prst="rect">
            <a:avLst/>
          </a:prstGeom>
        </p:spPr>
      </p:pic>
      <p:pic>
        <p:nvPicPr>
          <p:cNvPr id="30" name="Picture 29" descr="A picture containing drawing&#10;&#10;Description automatically generated">
            <a:extLst>
              <a:ext uri="{FF2B5EF4-FFF2-40B4-BE49-F238E27FC236}">
                <a16:creationId xmlns:a16="http://schemas.microsoft.com/office/drawing/2014/main" id="{BAC07A0A-47DA-7F44-B435-D8154EDD72B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82254" y="1076480"/>
            <a:ext cx="1222126" cy="308617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E52C3439-AD5F-8046-96A0-A9D103C32D9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323" r="11222"/>
          <a:stretch/>
        </p:blipFill>
        <p:spPr>
          <a:xfrm>
            <a:off x="538902" y="3139419"/>
            <a:ext cx="1348939" cy="515697"/>
          </a:xfrm>
          <a:prstGeom prst="rect">
            <a:avLst/>
          </a:prstGeom>
        </p:spPr>
      </p:pic>
      <p:pic>
        <p:nvPicPr>
          <p:cNvPr id="33" name="Picture 3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832E550F-5193-014C-8613-E2DB83C5B568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9893"/>
          <a:stretch/>
        </p:blipFill>
        <p:spPr>
          <a:xfrm>
            <a:off x="4598784" y="2163370"/>
            <a:ext cx="1552267" cy="560148"/>
          </a:xfrm>
          <a:prstGeom prst="rect">
            <a:avLst/>
          </a:prstGeom>
        </p:spPr>
      </p:pic>
      <p:pic>
        <p:nvPicPr>
          <p:cNvPr id="36" name="Picture 35" descr="Icon&#10;&#10;Description automatically generated">
            <a:extLst>
              <a:ext uri="{FF2B5EF4-FFF2-40B4-BE49-F238E27FC236}">
                <a16:creationId xmlns:a16="http://schemas.microsoft.com/office/drawing/2014/main" id="{5C063D33-60F7-B846-9B44-9CA3C39497C2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45455" y="3261107"/>
            <a:ext cx="1405596" cy="240684"/>
          </a:xfrm>
          <a:prstGeom prst="rect">
            <a:avLst/>
          </a:prstGeom>
        </p:spPr>
      </p:pic>
      <p:pic>
        <p:nvPicPr>
          <p:cNvPr id="39" name="Picture 38" descr="A close up of a sign&#10;&#10;Description automatically generated">
            <a:extLst>
              <a:ext uri="{FF2B5EF4-FFF2-40B4-BE49-F238E27FC236}">
                <a16:creationId xmlns:a16="http://schemas.microsoft.com/office/drawing/2014/main" id="{CC86874C-1231-BF43-972E-94E9443D8DD3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5268" y="2377688"/>
            <a:ext cx="1576206" cy="260726"/>
          </a:xfrm>
          <a:prstGeom prst="rect">
            <a:avLst/>
          </a:prstGeom>
        </p:spPr>
      </p:pic>
      <p:pic>
        <p:nvPicPr>
          <p:cNvPr id="43" name="Picture 42" descr="A picture containing text&#10;&#10;Description automatically generated">
            <a:extLst>
              <a:ext uri="{FF2B5EF4-FFF2-40B4-BE49-F238E27FC236}">
                <a16:creationId xmlns:a16="http://schemas.microsoft.com/office/drawing/2014/main" id="{2D50DC5B-C046-444F-A647-1BC9C3E1DFC4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2309" y="4079059"/>
            <a:ext cx="1239278" cy="337672"/>
          </a:xfrm>
          <a:prstGeom prst="rect">
            <a:avLst/>
          </a:prstGeom>
        </p:spPr>
      </p:pic>
      <p:pic>
        <p:nvPicPr>
          <p:cNvPr id="44" name="Picture 43" descr="Icon&#10;&#10;Description automatically generated">
            <a:extLst>
              <a:ext uri="{FF2B5EF4-FFF2-40B4-BE49-F238E27FC236}">
                <a16:creationId xmlns:a16="http://schemas.microsoft.com/office/drawing/2014/main" id="{E1CE925D-1184-3247-BC02-DC6A9C7CAAAA}"/>
              </a:ext>
            </a:extLst>
          </p:cNvPr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67239" y="4027371"/>
            <a:ext cx="661757" cy="661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527441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International IoT Solution Partners Network</a:t>
            </a:r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id="{D22F90D1-0111-234F-8F9A-090C838D50D6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AFCBFD11-34DD-0949-8A50-882DE2A440D7}"/>
              </a:ext>
            </a:extLst>
          </p:cNvPr>
          <p:cNvGraphicFramePr>
            <a:graphicFrameLocks noGrp="1"/>
          </p:cNvGraphicFramePr>
          <p:nvPr/>
        </p:nvGraphicFramePr>
        <p:xfrm>
          <a:off x="360330" y="722734"/>
          <a:ext cx="8423340" cy="399288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667976">
                  <a:extLst>
                    <a:ext uri="{9D8B030D-6E8A-4147-A177-3AD203B41FA5}">
                      <a16:colId xmlns:a16="http://schemas.microsoft.com/office/drawing/2014/main" val="125487989"/>
                    </a:ext>
                  </a:extLst>
                </a:gridCol>
                <a:gridCol w="2543694">
                  <a:extLst>
                    <a:ext uri="{9D8B030D-6E8A-4147-A177-3AD203B41FA5}">
                      <a16:colId xmlns:a16="http://schemas.microsoft.com/office/drawing/2014/main" val="1913195971"/>
                    </a:ext>
                  </a:extLst>
                </a:gridCol>
                <a:gridCol w="1683074">
                  <a:extLst>
                    <a:ext uri="{9D8B030D-6E8A-4147-A177-3AD203B41FA5}">
                      <a16:colId xmlns:a16="http://schemas.microsoft.com/office/drawing/2014/main" val="122274706"/>
                    </a:ext>
                  </a:extLst>
                </a:gridCol>
                <a:gridCol w="2528596">
                  <a:extLst>
                    <a:ext uri="{9D8B030D-6E8A-4147-A177-3AD203B41FA5}">
                      <a16:colId xmlns:a16="http://schemas.microsoft.com/office/drawing/2014/main" val="3421012445"/>
                    </a:ext>
                  </a:extLst>
                </a:gridCol>
              </a:tblGrid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Thailan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Malays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obile Network Operator with International roaming sim card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037455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Thailand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outh Afric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 …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38583901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Ind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United King dom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Power Meter Manufacturer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Energy Monitoring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079850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ctr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ctr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Indi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CEMS monitoring equipment and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defTabSz="342900" rtl="0" eaLnBrk="1" latinLnBrk="0" hangingPunct="1"/>
                      <a:endParaRPr lang="x-none" sz="1400" b="1" kern="120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algn="ctr" defTabSz="342900" rtl="0" eaLnBrk="1" latinLnBrk="0" hangingPunct="1"/>
                      <a:r>
                        <a:rPr lang="x-none" sz="1400" b="1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Norway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obile Network Operator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ility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Agricultur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1320430"/>
                  </a:ext>
                </a:extLst>
              </a:tr>
            </a:tbl>
          </a:graphicData>
        </a:graphic>
      </p:graphicFrame>
      <p:pic>
        <p:nvPicPr>
          <p:cNvPr id="18" name="Picture 17">
            <a:extLst>
              <a:ext uri="{FF2B5EF4-FFF2-40B4-BE49-F238E27FC236}">
                <a16:creationId xmlns:a16="http://schemas.microsoft.com/office/drawing/2014/main" id="{85DFB293-A970-DD4C-909A-1D4834FC1C15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41549" y="1150706"/>
            <a:ext cx="1314020" cy="164574"/>
          </a:xfrm>
          <a:prstGeom prst="rect">
            <a:avLst/>
          </a:prstGeom>
        </p:spPr>
      </p:pic>
      <p:pic>
        <p:nvPicPr>
          <p:cNvPr id="19" name="Picture 18" descr="A picture containing icon&#10;&#10;Description automatically generated">
            <a:extLst>
              <a:ext uri="{FF2B5EF4-FFF2-40B4-BE49-F238E27FC236}">
                <a16:creationId xmlns:a16="http://schemas.microsoft.com/office/drawing/2014/main" id="{76FA18C3-11A1-C84C-A76A-FB9545068A6F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4084" y="876013"/>
            <a:ext cx="1331237" cy="35698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62B90853-82A4-FB48-8B4E-EF78600373E8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3126" y="1958201"/>
            <a:ext cx="993151" cy="541267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E74EA295-5524-2E4E-A6F4-A81539353A1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741549" y="2164332"/>
            <a:ext cx="1390815" cy="335136"/>
          </a:xfrm>
          <a:prstGeom prst="rect">
            <a:avLst/>
          </a:prstGeom>
        </p:spPr>
      </p:pic>
      <p:pic>
        <p:nvPicPr>
          <p:cNvPr id="23" name="Picture 22" descr="Icon&#10;&#10;Description automatically generated">
            <a:extLst>
              <a:ext uri="{FF2B5EF4-FFF2-40B4-BE49-F238E27FC236}">
                <a16:creationId xmlns:a16="http://schemas.microsoft.com/office/drawing/2014/main" id="{9AB2F1A9-21E0-BE41-A4E3-9445952D37E0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1784" y="3034692"/>
            <a:ext cx="1459870" cy="379967"/>
          </a:xfrm>
          <a:prstGeom prst="rect">
            <a:avLst/>
          </a:prstGeom>
        </p:spPr>
      </p:pic>
      <p:pic>
        <p:nvPicPr>
          <p:cNvPr id="25" name="Picture 24" descr="Logo, company name&#10;&#10;Description automatically generated">
            <a:extLst>
              <a:ext uri="{FF2B5EF4-FFF2-40B4-BE49-F238E27FC236}">
                <a16:creationId xmlns:a16="http://schemas.microsoft.com/office/drawing/2014/main" id="{1E870735-CCF2-F741-B6A7-779A1EE773A4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78992" y="3855061"/>
            <a:ext cx="1632907" cy="446106"/>
          </a:xfrm>
          <a:prstGeom prst="rect">
            <a:avLst/>
          </a:prstGeom>
        </p:spPr>
      </p:pic>
      <p:pic>
        <p:nvPicPr>
          <p:cNvPr id="26" name="Graphic 25">
            <a:extLst>
              <a:ext uri="{FF2B5EF4-FFF2-40B4-BE49-F238E27FC236}">
                <a16:creationId xmlns:a16="http://schemas.microsoft.com/office/drawing/2014/main" id="{CCEF6B36-D02A-0B4A-BE56-0247F74D5855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801563" y="3087752"/>
            <a:ext cx="1270784" cy="273845"/>
          </a:xfrm>
          <a:prstGeom prst="rect">
            <a:avLst/>
          </a:prstGeom>
        </p:spPr>
      </p:pic>
      <p:pic>
        <p:nvPicPr>
          <p:cNvPr id="27" name="Picture 26" descr="A picture containing drawing&#10;&#10;Description automatically generated">
            <a:extLst>
              <a:ext uri="{FF2B5EF4-FFF2-40B4-BE49-F238E27FC236}">
                <a16:creationId xmlns:a16="http://schemas.microsoft.com/office/drawing/2014/main" id="{E9696026-9E43-AB4C-8906-5DE932C53545}"/>
              </a:ext>
            </a:extLst>
          </p:cNvPr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7084" y="4001417"/>
            <a:ext cx="1219743" cy="3806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7099821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Vietnam IoT Solution Partners Network</a:t>
            </a:r>
          </a:p>
        </p:txBody>
      </p:sp>
      <p:sp>
        <p:nvSpPr>
          <p:cNvPr id="16" name="Footer Placeholder 5">
            <a:extLst>
              <a:ext uri="{FF2B5EF4-FFF2-40B4-BE49-F238E27FC236}">
                <a16:creationId xmlns:a16="http://schemas.microsoft.com/office/drawing/2014/main" id="{D22F90D1-0111-234F-8F9A-090C838D50D6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AFCBFD11-34DD-0949-8A50-882DE2A440D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5942214"/>
              </p:ext>
            </p:extLst>
          </p:nvPr>
        </p:nvGraphicFramePr>
        <p:xfrm>
          <a:off x="360330" y="788670"/>
          <a:ext cx="8423340" cy="377952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667976">
                  <a:extLst>
                    <a:ext uri="{9D8B030D-6E8A-4147-A177-3AD203B41FA5}">
                      <a16:colId xmlns:a16="http://schemas.microsoft.com/office/drawing/2014/main" val="125487989"/>
                    </a:ext>
                  </a:extLst>
                </a:gridCol>
                <a:gridCol w="2543694">
                  <a:extLst>
                    <a:ext uri="{9D8B030D-6E8A-4147-A177-3AD203B41FA5}">
                      <a16:colId xmlns:a16="http://schemas.microsoft.com/office/drawing/2014/main" val="1913195971"/>
                    </a:ext>
                  </a:extLst>
                </a:gridCol>
                <a:gridCol w="1683074">
                  <a:extLst>
                    <a:ext uri="{9D8B030D-6E8A-4147-A177-3AD203B41FA5}">
                      <a16:colId xmlns:a16="http://schemas.microsoft.com/office/drawing/2014/main" val="122274706"/>
                    </a:ext>
                  </a:extLst>
                </a:gridCol>
                <a:gridCol w="2528596">
                  <a:extLst>
                    <a:ext uri="{9D8B030D-6E8A-4147-A177-3AD203B41FA5}">
                      <a16:colId xmlns:a16="http://schemas.microsoft.com/office/drawing/2014/main" val="3421012445"/>
                    </a:ext>
                  </a:extLst>
                </a:gridCol>
              </a:tblGrid>
              <a:tr h="580053">
                <a:tc>
                  <a:txBody>
                    <a:bodyPr/>
                    <a:lstStyle/>
                    <a:p>
                      <a:endParaRPr lang="x-none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Hydroponic Farm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ushroom Farm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Bird Nest House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x-none" sz="140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Data center Environment Monitoring Solutions</a:t>
                      </a: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037455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endParaRPr lang="x-none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Automation, IoT, </a:t>
                      </a:r>
                      <a:r>
                        <a:rPr lang="en-US" sz="1400" b="0" dirty="0" err="1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IIoT</a:t>
                      </a:r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  <a:p>
                      <a:r>
                        <a:rPr lang="en-US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Condition</a:t>
                      </a:r>
                      <a:r>
                        <a:rPr lang="en-US" sz="1400" b="0" baseline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 Monitoring, </a:t>
                      </a:r>
                      <a:r>
                        <a:rPr lang="en-US" sz="1400" b="0" baseline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Preventive Maintenance</a:t>
                      </a:r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x-none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HVAC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38583901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endParaRPr lang="x-none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Cit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AP4D for Smart Nation</a:t>
                      </a: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x-none" sz="140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Waste Water Monitoring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Water Well Monitoring</a:t>
                      </a: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07985085"/>
                  </a:ext>
                </a:extLst>
              </a:tr>
              <a:tr h="580053">
                <a:tc>
                  <a:txBody>
                    <a:bodyPr/>
                    <a:lstStyle/>
                    <a:p>
                      <a:endParaRPr lang="x-none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ERP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ES Solutions</a:t>
                      </a:r>
                    </a:p>
                    <a:p>
                      <a:endParaRPr lang="x-none" sz="1400" b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x-none" sz="140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Smart Factory Solutions</a:t>
                      </a:r>
                    </a:p>
                    <a:p>
                      <a:pPr marL="0" marR="0" lvl="0" indent="0" algn="l" defTabSz="3429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ERP Solutions</a:t>
                      </a:r>
                      <a:b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</a:br>
                      <a:r>
                        <a:rPr lang="x-none" sz="1400" b="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</a:rPr>
                        <a:t>MES Solution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1320430"/>
                  </a:ext>
                </a:extLst>
              </a:tr>
            </a:tbl>
          </a:graphicData>
        </a:graphic>
      </p:graphicFrame>
      <p:pic>
        <p:nvPicPr>
          <p:cNvPr id="19" name="Picture 2" descr="AgriConnect">
            <a:extLst>
              <a:ext uri="{FF2B5EF4-FFF2-40B4-BE49-F238E27FC236}">
                <a16:creationId xmlns:a16="http://schemas.microsoft.com/office/drawing/2014/main" id="{AA369D71-EAB8-B441-A495-EAA7A60701D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9892" y="1014722"/>
            <a:ext cx="1489727" cy="5157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64" name="Picture 4" descr="Công ty TNHH Dịch Vụ Giải Pháp Clearsky">
            <a:extLst>
              <a:ext uri="{FF2B5EF4-FFF2-40B4-BE49-F238E27FC236}">
                <a16:creationId xmlns:a16="http://schemas.microsoft.com/office/drawing/2014/main" id="{76E25545-7EF1-D14E-BE78-A0DF9123A5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38461" y="1055485"/>
            <a:ext cx="1413906" cy="3863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68" name="Picture 8" descr="Header-for-web-HVAC">
            <a:extLst>
              <a:ext uri="{FF2B5EF4-FFF2-40B4-BE49-F238E27FC236}">
                <a16:creationId xmlns:a16="http://schemas.microsoft.com/office/drawing/2014/main" id="{E02FDF4A-2DFF-7A4F-8CB5-0A99108CCBB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827421" y="1806036"/>
            <a:ext cx="1324946" cy="6105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70" name="Picture 10">
            <a:extLst>
              <a:ext uri="{FF2B5EF4-FFF2-40B4-BE49-F238E27FC236}">
                <a16:creationId xmlns:a16="http://schemas.microsoft.com/office/drawing/2014/main" id="{00CFD7D2-2BFD-854C-9829-0FA3D1AAC5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5946" y="2846887"/>
            <a:ext cx="1343673" cy="5374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74" name="Picture 14">
            <a:extLst>
              <a:ext uri="{FF2B5EF4-FFF2-40B4-BE49-F238E27FC236}">
                <a16:creationId xmlns:a16="http://schemas.microsoft.com/office/drawing/2014/main" id="{660F65DC-0C74-7344-BDC4-077F0F78B7F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83373" y="2759804"/>
            <a:ext cx="1186543" cy="7277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76" name="Picture 16" descr="SYSTEMEXE VN Co., Ltd">
            <a:extLst>
              <a:ext uri="{FF2B5EF4-FFF2-40B4-BE49-F238E27FC236}">
                <a16:creationId xmlns:a16="http://schemas.microsoft.com/office/drawing/2014/main" id="{5129C345-2A41-E743-ABF3-05932B8F82A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3221" r="40746"/>
          <a:stretch/>
        </p:blipFill>
        <p:spPr bwMode="auto">
          <a:xfrm>
            <a:off x="401021" y="3887738"/>
            <a:ext cx="1594171" cy="3136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78" name="Picture 18" descr="Think Next Co., Ltd. - JobSeekers.vn - IT Jobs in Vietnam">
            <a:extLst>
              <a:ext uri="{FF2B5EF4-FFF2-40B4-BE49-F238E27FC236}">
                <a16:creationId xmlns:a16="http://schemas.microsoft.com/office/drawing/2014/main" id="{E446B48B-D641-A14B-BBD5-B085D47EFE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36289" y="3734580"/>
            <a:ext cx="1324946" cy="631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10"/>
          <a:srcRect r="79052"/>
          <a:stretch/>
        </p:blipFill>
        <p:spPr>
          <a:xfrm>
            <a:off x="456305" y="1832472"/>
            <a:ext cx="1431489" cy="704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0821480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617689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D5850C-5266-B34A-A501-8FC1AAA20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x-none" sz="3200" dirty="0"/>
              <a:t>Daviteq Milesto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E01393-0017-6342-9CBE-27235A3DC1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25451" y="775063"/>
            <a:ext cx="8432800" cy="3730030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09-2004: Company Registered (as shown in business license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07-2006: Official operating with trading activities, distributing Process Instruments &amp; Controls products from famouse brands Emerson, Yokogawa, Magnetrol, Opto22, Crane, Komoto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09: The 1st Hardware R&amp;D team was formed to develop Sensors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0: The 1st product – Fuel Level Sensor PulseCAP10 was introduced to Vietnam market, for Transportation Industry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2: Started exporting PulseCAP10 fuel level sensors to Oversea markets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2: The Software R&amp;D team was formed to start develop the Connected Platform (the fomerly name of IoT Platform Globiots)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4: The first IoT solutions was installed for customer, a Coffee factory, to monitor the Steam &amp; Boiler water quality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7: Started developing and manufacturing the Wireless Sensors using Sub-GHz technology from Texas Instruments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8: Started developing and manufacturing the LoRaWAN Wireless Sensors;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x-none" sz="14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2019: Started developing and manufacturing the Sigfox Wireless Sensors;</a:t>
            </a: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x-none" sz="1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201146" y="4680765"/>
            <a:ext cx="715930" cy="248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13" b="1" dirty="0">
                <a:solidFill>
                  <a:schemeClr val="bg1"/>
                </a:solidFill>
              </a:rPr>
              <a:t>R&amp;D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C5716E2-6796-1C4B-9983-BC2350ADE027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Confidential - Copyright by Daviteq - 2021</a:t>
            </a:r>
          </a:p>
        </p:txBody>
      </p:sp>
    </p:spTree>
    <p:extLst>
      <p:ext uri="{BB962C8B-B14F-4D97-AF65-F5344CB8AC3E}">
        <p14:creationId xmlns:p14="http://schemas.microsoft.com/office/powerpoint/2010/main" val="22573331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Daviteq – business detai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5450" y="830958"/>
            <a:ext cx="7603427" cy="408009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ompany Name		: Daviteq Technologies Inc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gistered trademark	: Daviteq, Globiots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Type			 		: Incorporation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stablished			: 09-2004 (operated since 07-2006)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Nature of Business		: Developing &amp; Manufacturing Wireless Sensors &amp; IoT Products, Solutions 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Labor				: 30-50 people. R&amp;D: 10.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gistered Capital		: ~ 1M USD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roduction Capacity		: &gt; 50.000 products / year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Quality standard		: ISO9001-2015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Other Certificates		: CE Mark, EMC Test report, Safety Test Report…</a:t>
            </a:r>
          </a:p>
          <a:p>
            <a:pPr marL="0" indent="0">
              <a:buNone/>
            </a:pPr>
            <a:endParaRPr lang="en-US" sz="1125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The leading company in Vietnam to develop and manufacture sensor &amp; controls products :</a:t>
            </a:r>
          </a:p>
          <a:p>
            <a:pPr marL="342900" lvl="1" indent="0" algn="ctr">
              <a:buNone/>
            </a:pP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Wireless IoT Sensors</a:t>
            </a:r>
          </a:p>
          <a:p>
            <a:pPr marL="342900" lvl="1" indent="0" algn="ctr">
              <a:buNone/>
            </a:pP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Industrial IoT Gateway, Platform and Solutions</a:t>
            </a:r>
            <a:b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mart fuel level sensor for Transportation Industry</a:t>
            </a:r>
          </a:p>
          <a:p>
            <a:pPr marL="342900" lvl="1" indent="0">
              <a:buNone/>
            </a:pPr>
            <a:endParaRPr lang="en-US" sz="1125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0" lvl="1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xporting to countries: Australia, New Zealand, Malaysia, Singapore, Philippines, India, Indonesia, UK,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Normay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…</a:t>
            </a:r>
          </a:p>
        </p:txBody>
      </p:sp>
      <p:sp>
        <p:nvSpPr>
          <p:cNvPr id="8" name="Footer Placeholder 5">
            <a:extLst>
              <a:ext uri="{FF2B5EF4-FFF2-40B4-BE49-F238E27FC236}">
                <a16:creationId xmlns:a16="http://schemas.microsoft.com/office/drawing/2014/main" id="{4C5716E2-6796-1C4B-9983-BC2350ADE027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bg1"/>
                </a:solidFill>
              </a:rPr>
              <a:t>Confidential - Copyright by Daviteq - 2021</a:t>
            </a:r>
          </a:p>
        </p:txBody>
      </p:sp>
    </p:spTree>
    <p:extLst>
      <p:ext uri="{BB962C8B-B14F-4D97-AF65-F5344CB8AC3E}">
        <p14:creationId xmlns:p14="http://schemas.microsoft.com/office/powerpoint/2010/main" val="40660849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Contact Inform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378198" y="973666"/>
            <a:ext cx="6356195" cy="2713149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ompany name	(Vietnamese)			: Công ty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Cổ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Phần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Công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nghệ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Daviteq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ompany name (English)				: Daviteq Technologies Inc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VAT Code							: 0303507984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gistered Address (for issuing Invoice)	: No. 91-93 Street 5, An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Phu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Ward, District 2, Ho 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								  Chi Minh City, Vietnam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Operating Office Address				: No.11 Street 2G, Nam Hung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Vuong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Res., An Lac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								  Ward,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Binh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Tan Dist., Ho Chi Minh City, Vietnam.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presentative						: Mr. Nguyen Vinh Loc – President &amp; CEO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Tel								: +84-28-62682523/24</a:t>
            </a: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mail							: </a:t>
            </a:r>
            <a:r>
              <a:rPr lang="en-US" sz="1125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info@daviteq.com</a:t>
            </a:r>
            <a:endParaRPr lang="en-US" sz="1125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marL="0" indent="0">
              <a:buNone/>
            </a:pP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</a:rPr>
              <a:t>Websites							: </a:t>
            </a:r>
            <a:r>
              <a:rPr lang="en-US" sz="1125" dirty="0">
                <a:solidFill>
                  <a:schemeClr val="tx1">
                    <a:lumMod val="75000"/>
                    <a:lumOff val="25000"/>
                  </a:schemeClr>
                </a:solidFill>
                <a:hlinkClick r:id="rId3"/>
              </a:rPr>
              <a:t>https://www.daviteq.com</a:t>
            </a:r>
            <a:endParaRPr lang="en-US" sz="1125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3" name="Footer Placeholder 5">
            <a:extLst>
              <a:ext uri="{FF2B5EF4-FFF2-40B4-BE49-F238E27FC236}">
                <a16:creationId xmlns:a16="http://schemas.microsoft.com/office/drawing/2014/main" id="{34ED1D97-CE39-CC4E-AD33-CC2D42C3EDB1}"/>
              </a:ext>
            </a:extLst>
          </p:cNvPr>
          <p:cNvSpPr txBox="1">
            <a:spLocks/>
          </p:cNvSpPr>
          <p:nvPr/>
        </p:nvSpPr>
        <p:spPr>
          <a:xfrm>
            <a:off x="2971800" y="4946491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  <p:pic>
        <p:nvPicPr>
          <p:cNvPr id="7" name="Picture 6" descr="A person wearing a suit and tie smiling at the camera&#10;&#10;Description automatically generated">
            <a:extLst>
              <a:ext uri="{FF2B5EF4-FFF2-40B4-BE49-F238E27FC236}">
                <a16:creationId xmlns:a16="http://schemas.microsoft.com/office/drawing/2014/main" id="{B5D6C6D3-958F-6248-B7A4-C5DAA975A091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9607" y="973666"/>
            <a:ext cx="1877483" cy="18774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9802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28651"/>
          </a:xfrm>
        </p:spPr>
        <p:txBody>
          <a:bodyPr>
            <a:normAutofit/>
          </a:bodyPr>
          <a:lstStyle/>
          <a:p>
            <a:r>
              <a:rPr lang="en-US" sz="3200" dirty="0"/>
              <a:t>Daviteq 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3219" y="830958"/>
            <a:ext cx="5576581" cy="408009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350" b="1" dirty="0">
                <a:solidFill>
                  <a:srgbClr val="3FC8F4"/>
                </a:solidFill>
              </a:rPr>
              <a:t>Our Mission</a:t>
            </a:r>
            <a:endParaRPr lang="en-US" sz="1350" dirty="0">
              <a:solidFill>
                <a:srgbClr val="3FC8F4"/>
              </a:solidFill>
            </a:endParaRPr>
          </a:p>
          <a:p>
            <a:pPr marL="0" indent="0">
              <a:buNone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Develop and manufacture state of the art and high-quality products to improve the efficiency customer’s business.</a:t>
            </a:r>
          </a:p>
          <a:p>
            <a:pPr marL="0" indent="0">
              <a:buNone/>
            </a:pPr>
            <a:endParaRPr lang="en-US" sz="1350" b="1" dirty="0">
              <a:solidFill>
                <a:srgbClr val="3FC8F4"/>
              </a:solidFill>
            </a:endParaRPr>
          </a:p>
          <a:p>
            <a:pPr marL="0" indent="0">
              <a:buNone/>
            </a:pPr>
            <a:r>
              <a:rPr lang="en-US" sz="1350" b="1" dirty="0">
                <a:solidFill>
                  <a:srgbClr val="3FC8F4"/>
                </a:solidFill>
              </a:rPr>
              <a:t>Our Values</a:t>
            </a:r>
            <a:endParaRPr lang="en-US" sz="1350" dirty="0">
              <a:solidFill>
                <a:srgbClr val="3FC8F4"/>
              </a:solidFill>
            </a:endParaRPr>
          </a:p>
          <a:p>
            <a:pPr marL="0" indent="0">
              <a:buNone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- Produce products that are above customer’s expectation;</a:t>
            </a:r>
          </a:p>
          <a:p>
            <a:pPr marL="0" indent="0">
              <a:buNone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- Our customers success is our target;</a:t>
            </a:r>
          </a:p>
          <a:p>
            <a:pPr marL="0" indent="0">
              <a:buNone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- Create an inspiring work environment for every Daviteq employee</a:t>
            </a:r>
          </a:p>
          <a:p>
            <a:pPr marL="0" indent="0">
              <a:buNone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- Sustainable development to build better life for everyone;</a:t>
            </a:r>
          </a:p>
          <a:p>
            <a:pPr marL="0" indent="0">
              <a:buNone/>
            </a:pPr>
            <a:endParaRPr lang="en-US" sz="1350" b="1" dirty="0">
              <a:solidFill>
                <a:srgbClr val="3FC8F4"/>
              </a:solidFill>
            </a:endParaRPr>
          </a:p>
          <a:p>
            <a:pPr marL="0" indent="0">
              <a:buNone/>
            </a:pPr>
            <a:r>
              <a:rPr lang="en-US" sz="1350" b="1" dirty="0">
                <a:solidFill>
                  <a:srgbClr val="3FC8F4"/>
                </a:solidFill>
              </a:rPr>
              <a:t>Operation Philosophy</a:t>
            </a:r>
            <a:endParaRPr lang="en-US" sz="1350" dirty="0">
              <a:solidFill>
                <a:srgbClr val="3FC8F4"/>
              </a:solidFill>
            </a:endParaRPr>
          </a:p>
          <a:p>
            <a:pPr>
              <a:buFontTx/>
              <a:buChar char="-"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lanning our development;</a:t>
            </a:r>
          </a:p>
          <a:p>
            <a:pPr>
              <a:buFontTx/>
              <a:buChar char="-"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Discipline in actions;</a:t>
            </a:r>
          </a:p>
          <a:p>
            <a:pPr>
              <a:buFontTx/>
              <a:buChar char="-"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reative in solutions</a:t>
            </a:r>
          </a:p>
          <a:p>
            <a:pPr>
              <a:buFontTx/>
              <a:buChar char="-"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Flexible in issues;</a:t>
            </a:r>
          </a:p>
          <a:p>
            <a:pPr>
              <a:buFontTx/>
              <a:buChar char="-"/>
            </a:pPr>
            <a:r>
              <a:rPr lang="en-US" sz="135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sponsible in business;</a:t>
            </a:r>
          </a:p>
          <a:p>
            <a:pPr marL="0" indent="0">
              <a:buNone/>
            </a:pPr>
            <a:endParaRPr lang="en-US" sz="1350" dirty="0">
              <a:solidFill>
                <a:schemeClr val="tx1">
                  <a:lumMod val="65000"/>
                  <a:lumOff val="35000"/>
                </a:schemeClr>
              </a:solidFill>
              <a:highlight>
                <a:srgbClr val="FFFF00"/>
              </a:highlight>
            </a:endParaRPr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71C8F511-2499-F045-ACA7-8147C5A7F849}"/>
              </a:ext>
            </a:extLst>
          </p:cNvPr>
          <p:cNvSpPr txBox="1">
            <a:spLocks/>
          </p:cNvSpPr>
          <p:nvPr/>
        </p:nvSpPr>
        <p:spPr>
          <a:xfrm>
            <a:off x="2971800" y="4937945"/>
            <a:ext cx="2895600" cy="273844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429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3429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>
                <a:solidFill>
                  <a:schemeClr val="bg1"/>
                </a:solidFill>
              </a:rPr>
              <a:t>Confidential - Copyright by Daviteq - 2021</a:t>
            </a:r>
            <a:endParaRPr lang="en-US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07679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zEsIkciOjczLCJCIjoxMjV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MxLCJHIjo3MywiQiI6MTI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xOS40MDg4OTczOTk5MDI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pZCI6IjEzOCIsIkZvcm1hdFN0cmluZyI6ImQvTS95eXl5IiwiU2VwYXJhdG9yIjoiLyIsIlVzZUludGVybmF0aW9uYWxEYXRlRm9ybWF0Ijp0cnVlfSwiSXNWaXNpYmxlIjp0cnVlLCJQYXJlbnRTdHlsZSI6eyIkcmVmIjoiNTMifX0sIlBvc2l0aW9uIjp7IlJhdGlvIjowLjEwNzEyMzUxMTQyMDM1NTkxLCJJc0N1c3RvbSI6dHJ1ZX0sIklkIjoiYTNkMGQ4YTctNjRlMy00ODIwLWJmYTAtYzg5YjBlNWUzMzIxIiwiSW1wb3J0SWQiOm51bGwsIlRpdGxlIjoiRGF2aXRlcSBlc3RhYmxpc2hlZCIsIk5vdGUiOm51bGwsIkh5cGVybGluayI6bnVsbCwiSXNDaGFuZ2VkIjpmYWxzZSwiSXNOZXciOmZhbHNlfSx7IiRpZCI6IjEzOSIsIkRhdGUiOiIyMDExLTA0LTIw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zEsIkciOjczLCJCIjoxMjV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MxLCJHIjo3MywiQiI6MTI1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iwiRm9yZWdyb3VuZCI6eyIkcmVmIjoiNjcifSwiTWF4V2lkdGgiOjExOC40NTQ0MDY3MzgyOD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pZCI6IjE1NCIsIkZvcm1hdFN0cmluZyI6ImQvTS95eXl5IiwiU2VwYXJhdG9yIjoiLyIsIlVzZUludGVybmF0aW9uYWxEYXRlRm9ybWF0Ijp0cnVlfSwiSXNWaXNpYmxlIjp0cnVlLCJQYXJlbnRTdHlsZSI6eyIkcmVmIjoiNTMifX0sIlBvc2l0aW9uIjp7IlJhdGlvIjowLjAsIklzQ3VzdG9tIjpmYWxzZX0sIklkIjoiYjQyZDcyNzAtMmQyMy00M2JiLWI4Y2ItZDBlZWMzYmVkZjA4IiwiSW1wb3J0SWQiOm51bGwsIlRpdGxlIjoiMjAwOTogXHUwMDBiU3RhcnQgUiZEIiwiTm90ZSI6bnVsbCwiSHlwZXJsaW5rIjpudWxsLCJJc0NoYW5nZWQiOmZhbHNlLCJJc05ldyI6ZmFsc2V9LHsiJGlkIjoiMTU1IiwiRGF0ZSI6IjIwMTItMTEtMjl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3OSwiRyI6MTI5LCJCIjoxODl9fSwiTGluZVdlaWdodCI6MS4wLCJMaW5lVHlwZSI6MCwiUGFyZW50U3R5bGUiOnsiJHJlZiI6IjU1In19LCJJc0JlbG93VGltZWJhbmQiOmZhbHNlLCJIaWRlRGF0ZSI6ZmFsc2UsIlNoYXBlU2l6ZSI6MSwiU3BhY2luZyI6MS4wLCJQYWRkaW5nIjp7IiRyZWYiOiI1OCJ9LCJTaGFwZVN0eWxlIjp7IiRpZCI6IjE2MCIsIk1hcmdpbiI6eyIkcmVmIjoiNjAifSwiUGFkZGluZyI6eyIkcmVmIjoiNjEifSwiQmFja2dyb3VuZCI6eyIkaWQiOiIxNjEiLCJDb2xvciI6eyIkaWQiOiIxNjIiLCJBIjoyNTUsIlIiOjc5LCJHIjoxMjksIkIiOjE4OX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yMDIuMTg1MTk1OTIyODUx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AsIkciOjExNCwiQiI6MTg4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wLCJHIjoxMTQsIkIiOjE4OH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IsIkZvcmVncm91bmQiOnsiJHJlZiI6IjY3In0sIk1heFdpZHRoIjo4MS4wNjEzNDAzMzIwMzE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NyIsIk1hcmdpbiI6eyIkcmVmIjoiMTAyIn0sIlBhZGRpbmciOnsiJHJlZiI6IjEwMyJ9LCJCYWNrZ3JvdW5kIjp7IiRpZCI6IjE5OCIsIkNvbG9yIjp7IiRpZCI6IjE5OSIsIkEiOjI1NSwiUiI6MiwiRyI6MTc4LCJCIjoyMzh9fSwiSXNWaXNpYmxlIjp0cnVlLCJXaWR0aCI6MC4wLCJIZWlnaHQiOjE2LjAsIkJvcmRlclN0eWxlIjp7IiRpZCI6IjIwMCIsIkxpbmVDb2xvciI6eyIkcmVmIjoiMTA1In0sIkxpbmVXZWlnaHQiOjAuMCwiTGluZVR5cGUiOjAsIlBhcmVudFN0eWxlIjp7IiRyZWYiOiIxMDQifX0sIlBhcmVudFN0eWxlIjp7IiRyZWYiOiIxMDEifX0sIlRpdGxlU3R5bGUiOnsiJGlkIjoiMjAxIiwiRm9udFNldHRpbmdzIjp7IiRpZCI6IjIw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296</TotalTime>
  <Words>2636</Words>
  <Application>Microsoft Office PowerPoint</Application>
  <PresentationFormat>On-screen Show (16:9)</PresentationFormat>
  <Paragraphs>660</Paragraphs>
  <Slides>56</Slides>
  <Notes>49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56</vt:i4>
      </vt:variant>
    </vt:vector>
  </HeadingPairs>
  <TitlesOfParts>
    <vt:vector size="57" baseType="lpstr">
      <vt:lpstr>Office Theme</vt:lpstr>
      <vt:lpstr>PowerPoint Presentation</vt:lpstr>
      <vt:lpstr>What we do?</vt:lpstr>
      <vt:lpstr>Figure Facts</vt:lpstr>
      <vt:lpstr>Certifications</vt:lpstr>
      <vt:lpstr>Daviteq Milestones</vt:lpstr>
      <vt:lpstr>Daviteq Milestones</vt:lpstr>
      <vt:lpstr>Daviteq – business details</vt:lpstr>
      <vt:lpstr>Contact Information</vt:lpstr>
      <vt:lpstr>Daviteq Mission</vt:lpstr>
      <vt:lpstr>Why Daviteq?</vt:lpstr>
      <vt:lpstr>Key Markets</vt:lpstr>
      <vt:lpstr>Business Model</vt:lpstr>
      <vt:lpstr>Serving different kinds of Industry</vt:lpstr>
      <vt:lpstr>Our activities</vt:lpstr>
      <vt:lpstr>Daviteq Strategic Products</vt:lpstr>
      <vt:lpstr>Daviteq Wireless Sub-GHz Sensors &amp; Actuators</vt:lpstr>
      <vt:lpstr>Daviteq Wireless Sub-GHz – Easy of Use</vt:lpstr>
      <vt:lpstr>Daviteq Wireless Sub-GHz Sensors &amp; Actuators</vt:lpstr>
      <vt:lpstr>Daviteq Wireless Sub-GHz Sensors &amp; Actuators</vt:lpstr>
      <vt:lpstr>Daviteq Wireless Sub-GHz Sensors &amp; Actuators</vt:lpstr>
      <vt:lpstr>Daviteq LoRaWAN Sensors</vt:lpstr>
      <vt:lpstr>Daviteq LoRaWAN Sensors – Easy of Use</vt:lpstr>
      <vt:lpstr>Daviteq LoRaWAN Sensors</vt:lpstr>
      <vt:lpstr>Daviteq Sigfox Sensors</vt:lpstr>
      <vt:lpstr>Daviteq Sigfox Sensors – Easy of Use</vt:lpstr>
      <vt:lpstr>Daviteq Sigfox Sensors</vt:lpstr>
      <vt:lpstr>Daviteq Fuel Sensors &amp; Fuel Monitoring</vt:lpstr>
      <vt:lpstr>Daviteq IoT Products</vt:lpstr>
      <vt:lpstr>Daviteq IoT Products – Smart IoT Gateway</vt:lpstr>
      <vt:lpstr>Smart IoT Gateway – Easy of Use</vt:lpstr>
      <vt:lpstr>Daviteq IoT Products – Globiots Platform</vt:lpstr>
      <vt:lpstr>Daviteq IoT Products – Globiots Platform</vt:lpstr>
      <vt:lpstr>Daviteq IoT Products – Globiots Platform</vt:lpstr>
      <vt:lpstr>IoT Solutions</vt:lpstr>
      <vt:lpstr>IoT Solutions</vt:lpstr>
      <vt:lpstr>IoT Solution – Power Monitoring</vt:lpstr>
      <vt:lpstr>IoT Solution – Temperature&amp;Humidity Monitoring</vt:lpstr>
      <vt:lpstr>IoT Solution – Machine Operation Monitoring</vt:lpstr>
      <vt:lpstr>IoT Solution – Machine Performance Monitoring</vt:lpstr>
      <vt:lpstr>IoT Solution – Refrigerated Container Monitoring</vt:lpstr>
      <vt:lpstr>IoT Solution – Fuel Monitoring</vt:lpstr>
      <vt:lpstr>IoT Solution – Greenhouse Monitoring</vt:lpstr>
      <vt:lpstr>IoT Solution – Hydroponics System Monitoring</vt:lpstr>
      <vt:lpstr>IoT Solution – Server Room Monitoring</vt:lpstr>
      <vt:lpstr>IoT Solution–Pharmacy Warehouse Monitoring</vt:lpstr>
      <vt:lpstr>Some Case studies</vt:lpstr>
      <vt:lpstr>Some Case studies</vt:lpstr>
      <vt:lpstr>Some customers in Vietnam</vt:lpstr>
      <vt:lpstr>Some customers in Vietnam</vt:lpstr>
      <vt:lpstr>Some customers in Vietnam</vt:lpstr>
      <vt:lpstr>Some customers in Vietnam</vt:lpstr>
      <vt:lpstr>Some customers in Vietnam</vt:lpstr>
      <vt:lpstr>International IoT Solution Partners Network</vt:lpstr>
      <vt:lpstr>International IoT Solution Partners Network</vt:lpstr>
      <vt:lpstr>Vietnam IoT Solution Partners Network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!</dc:title>
  <dc:creator>Vinh Loc Nguyen</dc:creator>
  <cp:lastModifiedBy>Nguyễn Nhựt Quý</cp:lastModifiedBy>
  <cp:revision>348</cp:revision>
  <cp:lastPrinted>2019-10-09T05:10:55Z</cp:lastPrinted>
  <dcterms:created xsi:type="dcterms:W3CDTF">2019-10-09T03:19:49Z</dcterms:created>
  <dcterms:modified xsi:type="dcterms:W3CDTF">2024-08-16T04:17:22Z</dcterms:modified>
</cp:coreProperties>
</file>